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worksheets/sheet11.xml" ContentType="application/vnd.openxmlformats-officedocument.spreadsheetml.worksheet+xml"/>
  <Override PartName="/xl/worksheets/sheet12.xml" ContentType="application/vnd.openxmlformats-officedocument.spreadsheetml.worksheet+xml"/>
  <Override PartName="/xl/worksheets/sheet13.xml" ContentType="application/vnd.openxmlformats-officedocument.spreadsheetml.worksheet+xml"/>
  <Override PartName="/xl/worksheets/sheet14.xml" ContentType="application/vnd.openxmlformats-officedocument.spreadsheetml.worksheet+xml"/>
  <Override PartName="/xl/worksheets/sheet15.xml" ContentType="application/vnd.openxmlformats-officedocument.spreadsheetml.worksheet+xml"/>
  <Override PartName="/xl/worksheets/sheet16.xml" ContentType="application/vnd.openxmlformats-officedocument.spreadsheetml.worksheet+xml"/>
  <Override PartName="/xl/worksheets/sheet17.xml" ContentType="application/vnd.openxmlformats-officedocument.spreadsheetml.worksheet+xml"/>
  <Override PartName="/xl/worksheets/sheet18.xml" ContentType="application/vnd.openxmlformats-officedocument.spreadsheetml.worksheet+xml"/>
  <Override PartName="/xl/worksheets/sheet19.xml" ContentType="application/vnd.openxmlformats-officedocument.spreadsheetml.worksheet+xml"/>
  <Override PartName="/xl/worksheets/sheet20.xml" ContentType="application/vnd.openxmlformats-officedocument.spreadsheetml.worksheet+xml"/>
  <Override PartName="/xl/worksheets/sheet21.xml" ContentType="application/vnd.openxmlformats-officedocument.spreadsheetml.worksheet+xml"/>
  <Override PartName="/xl/worksheets/sheet22.xml" ContentType="application/vnd.openxmlformats-officedocument.spreadsheetml.worksheet+xml"/>
  <Override PartName="/xl/worksheets/sheet2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231"/>
  <workbookPr codeName="ThisWorkbook"/>
  <mc:AlternateContent xmlns:mc="http://schemas.openxmlformats.org/markup-compatibility/2006">
    <mc:Choice Requires="x15">
      <x15ac:absPath xmlns:x15ac="http://schemas.microsoft.com/office/spreadsheetml/2010/11/ac" url="C:\Users\chris.alston\Downloads\"/>
    </mc:Choice>
  </mc:AlternateContent>
  <xr:revisionPtr revIDLastSave="0" documentId="13_ncr:1_{7CE92B24-F65B-4192-8D76-A0D94788D6E5}" xr6:coauthVersionLast="47" xr6:coauthVersionMax="47" xr10:uidLastSave="{00000000-0000-0000-0000-000000000000}"/>
  <bookViews>
    <workbookView xWindow="4335" yWindow="-14505" windowWidth="19695" windowHeight="12855" xr2:uid="{00000000-000D-0000-FFFF-FFFF00000000}"/>
  </bookViews>
  <sheets>
    <sheet name="About" sheetId="1" r:id="rId1"/>
    <sheet name="Contents" sheetId="4" r:id="rId2"/>
    <sheet name="Figure 1.2" sheetId="30" r:id="rId3"/>
    <sheet name="Figure 1.3 (panel a)" sheetId="21" r:id="rId4"/>
    <sheet name="Figure 1.3 (panel b)" sheetId="24" r:id="rId5"/>
    <sheet name="Figure 1.3 (panel c)" sheetId="25" r:id="rId6"/>
    <sheet name="Figure 1.4" sheetId="22" r:id="rId7"/>
    <sheet name="Figure 2.2" sheetId="31" r:id="rId8"/>
    <sheet name="Figure 2.4" sheetId="29" r:id="rId9"/>
    <sheet name="Box 2.2" sheetId="32" r:id="rId10"/>
    <sheet name="Figure 3.1 (panel a)" sheetId="28" r:id="rId11"/>
    <sheet name="Figure 3.1 (panel b)" sheetId="27" r:id="rId12"/>
    <sheet name="Figure 3.2 (panel a)" sheetId="56" r:id="rId13"/>
    <sheet name="Figure 3.2 (panel b)" sheetId="26" r:id="rId14"/>
    <sheet name="Figure 3.4" sheetId="54" r:id="rId15"/>
    <sheet name="Figure 3.8" sheetId="55" r:id="rId16"/>
    <sheet name="Figure 4.2" sheetId="10" r:id="rId17"/>
    <sheet name="Figure 4.3" sheetId="34" r:id="rId18"/>
    <sheet name="Box 4.6" sheetId="11" r:id="rId19"/>
    <sheet name="Figure B.1" sheetId="19" r:id="rId20"/>
    <sheet name="Figure B.2" sheetId="35" r:id="rId21"/>
    <sheet name="Figure B.3" sheetId="36" r:id="rId22"/>
    <sheet name="Figure C.2" sheetId="33" r:id="rId23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372" uniqueCount="239">
  <si>
    <t>About this workbook</t>
  </si>
  <si>
    <r>
      <t xml:space="preserve">The </t>
    </r>
    <r>
      <rPr>
        <b/>
        <sz val="10"/>
        <color theme="1"/>
        <rFont val="Arial"/>
        <family val="2"/>
      </rPr>
      <t>Contents</t>
    </r>
    <r>
      <rPr>
        <sz val="10"/>
        <color theme="1"/>
        <rFont val="Arial"/>
        <family val="2"/>
      </rPr>
      <t xml:space="preserve"> worksheet links to the data for each chart.</t>
    </r>
  </si>
  <si>
    <t xml:space="preserve">The report is available from: </t>
  </si>
  <si>
    <t>Contents</t>
  </si>
  <si>
    <t>Title</t>
  </si>
  <si>
    <t>NSW</t>
  </si>
  <si>
    <t>VIC</t>
  </si>
  <si>
    <t>QLD</t>
  </si>
  <si>
    <t>SA</t>
  </si>
  <si>
    <t>TAS</t>
  </si>
  <si>
    <t>WA</t>
  </si>
  <si>
    <t>ACT</t>
  </si>
  <si>
    <t>NT</t>
  </si>
  <si>
    <t>Aesthetician</t>
  </si>
  <si>
    <t>Baker</t>
  </si>
  <si>
    <t>Butcher</t>
  </si>
  <si>
    <t>Taxi driver</t>
  </si>
  <si>
    <t>Driving instructor</t>
  </si>
  <si>
    <t>Electrician</t>
  </si>
  <si>
    <t>Hairdresser</t>
  </si>
  <si>
    <t>Painter</t>
  </si>
  <si>
    <t>Plumber</t>
  </si>
  <si>
    <t>Drainer</t>
  </si>
  <si>
    <t>Gasfitter</t>
  </si>
  <si>
    <t>Registered nurse</t>
  </si>
  <si>
    <t>Enrolled nurse</t>
  </si>
  <si>
    <t>Accountant</t>
  </si>
  <si>
    <t>Architect</t>
  </si>
  <si>
    <t>Civil engineer</t>
  </si>
  <si>
    <t>Solicitor</t>
  </si>
  <si>
    <t>Primary school teacher</t>
  </si>
  <si>
    <t>Secondary school teacher</t>
  </si>
  <si>
    <t>Early childhood teacher</t>
  </si>
  <si>
    <t>Licensed</t>
  </si>
  <si>
    <t>Proportion of repaired vehicles sent back for rework (%)</t>
  </si>
  <si>
    <t>No</t>
  </si>
  <si>
    <t>Yes</t>
  </si>
  <si>
    <t>Occupation</t>
  </si>
  <si>
    <t>Jurisdiction</t>
  </si>
  <si>
    <t>`</t>
  </si>
  <si>
    <t>OERs can vary widely across occupations and jurisdictions</t>
  </si>
  <si>
    <t>Figure B.1</t>
  </si>
  <si>
    <t>Quality and safety metrics are not strongly correlated with licensing requirements</t>
  </si>
  <si>
    <t>Claims frequency rate (serious claims per million hours worked)</t>
  </si>
  <si>
    <t>Year</t>
  </si>
  <si>
    <t>Bottom 10%</t>
  </si>
  <si>
    <t>Middle 10%</t>
  </si>
  <si>
    <t>Top 10%</t>
  </si>
  <si>
    <t>a. Numeracy domain</t>
  </si>
  <si>
    <t>b. Reading domain</t>
  </si>
  <si>
    <t>c. Writing domain</t>
  </si>
  <si>
    <t>Range of NAPLAN bands</t>
  </si>
  <si>
    <t>Grammar and Punctuation</t>
  </si>
  <si>
    <t>Numeracy</t>
  </si>
  <si>
    <t>Reading</t>
  </si>
  <si>
    <t>Spelling</t>
  </si>
  <si>
    <t>Writing</t>
  </si>
  <si>
    <t>Share of all school-year level-domain cohorts (%)</t>
  </si>
  <si>
    <t>Figure 1.2</t>
  </si>
  <si>
    <t>Spread of abilities within a year level, 2022</t>
  </si>
  <si>
    <t>States requiring a Certificate III have a relatively higher prevalence of hairdressers who are born in Australia</t>
  </si>
  <si>
    <t>Require Cert III</t>
  </si>
  <si>
    <t>Relative ratio</t>
  </si>
  <si>
    <t>Claims frequency rate (serious claims per million hours worked for motor mechanics)</t>
  </si>
  <si>
    <t>OER stringency index score</t>
  </si>
  <si>
    <t>Figure B.1 – States requiring a Certificate III have a relatively higher prevalence of hairdressers who are born in Australia</t>
  </si>
  <si>
    <t>Real estate agent</t>
  </si>
  <si>
    <t>Figure no.</t>
  </si>
  <si>
    <t>Average share of students below the national minimum standard by socio-educational status band and NAPLAN domain, 2008–2022 (%)</t>
  </si>
  <si>
    <t>Disadvantages flow on to outcomes - numeracy</t>
  </si>
  <si>
    <t>Disadvantages flow on to outcomes - reading</t>
  </si>
  <si>
    <t>Disadvantages flow on to outcomes - writing</t>
  </si>
  <si>
    <t>Figure 2.4</t>
  </si>
  <si>
    <t>Source: PC estimates.</t>
  </si>
  <si>
    <t>Source: PC analysis of NAPLAN data 2008-2022 (ACARA).</t>
  </si>
  <si>
    <t>Source: PC analysis of NAPLAN data 2022 (ACARA).</t>
  </si>
  <si>
    <t>Figure 1.3 (panel a)</t>
  </si>
  <si>
    <t>Figure 1.3 (panel b)</t>
  </si>
  <si>
    <t>Figure 1.3 (panel c)</t>
  </si>
  <si>
    <t>Figure 1.4</t>
  </si>
  <si>
    <t>Figure 1.2 - Share of students not meeting minimum NAPLAN standards</t>
  </si>
  <si>
    <t>Year 3 to 5</t>
  </si>
  <si>
    <t>Year 5 to Year 7</t>
  </si>
  <si>
    <t>Below the NMS</t>
  </si>
  <si>
    <t>At the NMS</t>
  </si>
  <si>
    <t>Above the NMS</t>
  </si>
  <si>
    <t xml:space="preserve">Source: PC estimates from the 2022 Review of the National School Reform Agreement. </t>
  </si>
  <si>
    <t>NMS stands for national minimum standard.</t>
  </si>
  <si>
    <t>Share of students not meeting minimum NAPLAN standards</t>
  </si>
  <si>
    <r>
      <t xml:space="preserve">This Excel workbook contains data underlying charts in the Productivity Commission's report on </t>
    </r>
    <r>
      <rPr>
        <i/>
        <sz val="10"/>
        <color theme="1"/>
        <rFont val="Arial"/>
        <family val="2"/>
        <scheme val="major"/>
      </rPr>
      <t>Building a skilled and adaptable workforce.</t>
    </r>
  </si>
  <si>
    <t>www.pc.gov.au/inquiries-and-research/adaptable-workforce/</t>
  </si>
  <si>
    <t>Figure 2.2 - Proportion of higher education students that were mature age, 2019</t>
  </si>
  <si>
    <t>Gender</t>
  </si>
  <si>
    <t>Women</t>
  </si>
  <si>
    <t>Men</t>
  </si>
  <si>
    <t>Not Indigenous</t>
  </si>
  <si>
    <t>Disability</t>
  </si>
  <si>
    <t>No disability</t>
  </si>
  <si>
    <t>Parent's education</t>
  </si>
  <si>
    <t>Post-school qualification</t>
  </si>
  <si>
    <t>Year 12 or below</t>
  </si>
  <si>
    <t>First Nations</t>
  </si>
  <si>
    <t xml:space="preserve">Source: PC analysis of higher education data in PLIDA. </t>
  </si>
  <si>
    <t>Figure 2.4 - Percent of students receiving credit</t>
  </si>
  <si>
    <t>Dip. of Nursing &gt; Nursing</t>
  </si>
  <si>
    <t>Dip. of ECEC &gt; Teacher Education</t>
  </si>
  <si>
    <t>Dip. of Business &gt; Business</t>
  </si>
  <si>
    <t>Cert. III Individual Support &gt; Nursing</t>
  </si>
  <si>
    <t>Dip. of Com. Services &gt; Human Services</t>
  </si>
  <si>
    <t>Not a VET pathway</t>
  </si>
  <si>
    <t>Source: PC analysis of higher education and VET data in PLIDA.</t>
  </si>
  <si>
    <t>Box 2.2 - Average course length across nursing and teacher education pathways</t>
  </si>
  <si>
    <t>Nursing</t>
  </si>
  <si>
    <t>Other</t>
  </si>
  <si>
    <t>Did not receive credit</t>
  </si>
  <si>
    <t>Dip. of Nursing pathway</t>
  </si>
  <si>
    <t>Received credit</t>
  </si>
  <si>
    <t>Teacher Education</t>
  </si>
  <si>
    <t>Dip. of ECEC pathway</t>
  </si>
  <si>
    <t xml:space="preserve">Source: PC analysis of higher education and VET data in PLIDA. </t>
  </si>
  <si>
    <t>Figure 2.2</t>
  </si>
  <si>
    <t>Box 2.2</t>
  </si>
  <si>
    <t>Figure C.2</t>
  </si>
  <si>
    <t>Proportion of higher education students that were mature age, 2019</t>
  </si>
  <si>
    <t>Percent of students receiving credit</t>
  </si>
  <si>
    <t>Average course length across nursing and teacher education pathways</t>
  </si>
  <si>
    <t>Variation in proportion of students who receive credit</t>
  </si>
  <si>
    <t>Figure 4.2 – OERs can vary widely across occupations and jurisdictions</t>
  </si>
  <si>
    <t>Figure 4.2</t>
  </si>
  <si>
    <t xml:space="preserve">Figure 4.3 – Hairdresser safety and consumer satisfaction measures are not strongly correlated with qualification requirements </t>
  </si>
  <si>
    <t>Box 4.6 – Quality and safety metrics are not strongly correlated with licensing requirements</t>
  </si>
  <si>
    <t>Motor vehicle repairer</t>
  </si>
  <si>
    <t>Require cert III</t>
  </si>
  <si>
    <t>Average Google rating</t>
  </si>
  <si>
    <t>Figure B.2 – Painter safety and consumer satisfaction measures are not clearly correlated with licensing requirements</t>
  </si>
  <si>
    <t>Figure B.3 – Safety and consumer satisfaction measures for air conditioning and refrigeration mechanics are not clearly correlated with licensing requirements</t>
  </si>
  <si>
    <t>Separate licensing for split systems</t>
  </si>
  <si>
    <t>Pathway</t>
  </si>
  <si>
    <t>Median absolute deviation</t>
  </si>
  <si>
    <t>Figure 4.3</t>
  </si>
  <si>
    <t>Box 4.6</t>
  </si>
  <si>
    <t>Figure B.2</t>
  </si>
  <si>
    <t>Figure B.3</t>
  </si>
  <si>
    <t>Hairdresser safety and consumer satisfaction measures are not strongly correlated with qualification requirements</t>
  </si>
  <si>
    <t>Painter safety and consumer satisfaction measures are not clearly correlated with licensing requirements</t>
  </si>
  <si>
    <t>Safety and consumer satisfaction measures for air conditioning and refrigeration mechanics are not clearly correlated with licensing requirements</t>
  </si>
  <si>
    <t>Figure 1.4 – Spread of abilities within a year level, 2022</t>
  </si>
  <si>
    <t>Group</t>
  </si>
  <si>
    <t>Demographic</t>
  </si>
  <si>
    <t>Proportion</t>
  </si>
  <si>
    <t>Field of education</t>
  </si>
  <si>
    <t>Credit</t>
  </si>
  <si>
    <t>Course length</t>
  </si>
  <si>
    <t>Figure 3.1 (panel a)</t>
  </si>
  <si>
    <t>Figure 3.1 (panel b)</t>
  </si>
  <si>
    <t>The skill and industry mix of employment only partly explains lower training rates in SMEs</t>
  </si>
  <si>
    <t>Australia’s work-related training rates have stagnated and are low by international standards</t>
  </si>
  <si>
    <t>Figure 3.4</t>
  </si>
  <si>
    <t>Women have greater unmet demand for training than men</t>
  </si>
  <si>
    <t>Figure 3.8</t>
  </si>
  <si>
    <t>SMEs are much less likely to use management and digital skills</t>
  </si>
  <si>
    <t>Figure 3.4 – Women have greater unmet demand for training than men</t>
  </si>
  <si>
    <t>Figure 3.8 – SMEs are much less likely to use management and digital skills</t>
  </si>
  <si>
    <t>Figure C.2 – Variation in proportion of students who receive credit</t>
  </si>
  <si>
    <t>Figure 3.1 – Australia’s work-related training rates have stagnated and are low by international standards (panel a)</t>
  </si>
  <si>
    <t>Employed persons (HILDA)</t>
  </si>
  <si>
    <t>Employed persons (ABS)</t>
  </si>
  <si>
    <t>Employers</t>
  </si>
  <si>
    <t>Work-related training</t>
  </si>
  <si>
    <t>Both</t>
  </si>
  <si>
    <t>Formal learning</t>
  </si>
  <si>
    <t>USA</t>
  </si>
  <si>
    <t>NZL</t>
  </si>
  <si>
    <t>ENG</t>
  </si>
  <si>
    <t>CAN</t>
  </si>
  <si>
    <t>DEU</t>
  </si>
  <si>
    <t>OECD</t>
  </si>
  <si>
    <t>AUS</t>
  </si>
  <si>
    <t>FRA</t>
  </si>
  <si>
    <t>JPN</t>
  </si>
  <si>
    <t>ITA</t>
  </si>
  <si>
    <t>% of 25-64 year olds participating in:</t>
  </si>
  <si>
    <t>Small (0-19 employees)</t>
  </si>
  <si>
    <t>Medium (20-99 employees)</t>
  </si>
  <si>
    <t>Large (100+ employees)</t>
  </si>
  <si>
    <t>Employer-funded training</t>
  </si>
  <si>
    <t>Employee-funded training</t>
  </si>
  <si>
    <t>% of employees participating in:</t>
  </si>
  <si>
    <t>Actual training rate</t>
  </si>
  <si>
    <t>With large firm skill structure</t>
  </si>
  <si>
    <t>With large firm industry structure</t>
  </si>
  <si>
    <t>Male</t>
  </si>
  <si>
    <t>Female</t>
  </si>
  <si>
    <t>15–24 years</t>
  </si>
  <si>
    <t>25–34 years</t>
  </si>
  <si>
    <t>35–44 years</t>
  </si>
  <si>
    <t>45–54 years</t>
  </si>
  <si>
    <t>55–64 years</t>
  </si>
  <si>
    <t>65–74 years</t>
  </si>
  <si>
    <t>Aboriginal and Torres Strait Islander people</t>
  </si>
  <si>
    <t>Non-Indigenous people</t>
  </si>
  <si>
    <t>Born in Australia</t>
  </si>
  <si>
    <t>Migrant arrived five or more years ago</t>
  </si>
  <si>
    <t>Migrant arrived less than five years ago</t>
  </si>
  <si>
    <t>Cities</t>
  </si>
  <si>
    <t>Regional</t>
  </si>
  <si>
    <t>Remote</t>
  </si>
  <si>
    <t>School only</t>
  </si>
  <si>
    <t>Vocational qualification</t>
  </si>
  <si>
    <t>Degree or higher</t>
  </si>
  <si>
    <t>Small firm</t>
  </si>
  <si>
    <t>Medium firm</t>
  </si>
  <si>
    <t>Large firm</t>
  </si>
  <si>
    <t>% of 25-64 year olds who want to do more non-formal learning</t>
  </si>
  <si>
    <t>Management</t>
  </si>
  <si>
    <t>Human resources</t>
  </si>
  <si>
    <t>Digital</t>
  </si>
  <si>
    <t>Data</t>
  </si>
  <si>
    <t>0–4 persons</t>
  </si>
  <si>
    <t>5–19 persons</t>
  </si>
  <si>
    <t>20–199 persons</t>
  </si>
  <si>
    <t>200 or more persons</t>
  </si>
  <si>
    <t>Figure 3.2 (panel a)</t>
  </si>
  <si>
    <t>Figure 3.2 (panel b)</t>
  </si>
  <si>
    <t>Figure 3.1 – Australia’s work-related training rates have stagnated and are low by international standards (panel b)</t>
  </si>
  <si>
    <t>Figure 3.2 – The skill and industry mix of employment only partly explains lower training rates in SMEs (panel a)</t>
  </si>
  <si>
    <t>Figure 3.2 – The skill and industry mix of employment only partly explains lower training rates in SMEs (panel b)</t>
  </si>
  <si>
    <t xml:space="preserve">Source: 2024 vehicle repair quality data from Insurance Council Australia, qr. 49, pp. 5–6. Unpublished workers’ compensation claims data from the National Data Set for Compensation based Statistics, 2008-09 to 2023-24, Safe Work Australia, for ANZSCO unit group 3212 (motor mechanics). </t>
  </si>
  <si>
    <t>Source: PC estimates based on Google Maps and Safe Work Australia data. Unpublished workers’ compensation claims data from the National Data Set for Compensation based Statistics, 2008-09 to 2023-24, Safe Work Australia.</t>
  </si>
  <si>
    <t>Source: PC analysis of ABS Census (2021).</t>
  </si>
  <si>
    <t>Source: ABS Work-related training and adult learning survey 2020-21; HILDA data from CEDA (2024) Learning curve: why Australia needs a training boost (figure 4); NCVER Survey of employer use and views of the VET system (2023, table 1)</t>
  </si>
  <si>
    <t>Figure 1.3 – Disadvantages flow on to outcomes (panel a)</t>
  </si>
  <si>
    <t>Figure 1.3 – Disadvantages flow on to outcomes (panel b)</t>
  </si>
  <si>
    <t>Source: PC analysis of data from ABS Work-related training and adult learning survey, 2020-21.</t>
  </si>
  <si>
    <t>Figure 1.3 – Disadvantages flow on to outcomes (panel c)</t>
  </si>
  <si>
    <t>Source: PC analysis of data from  ABS Work-related training and adult learning survey, 2020-21.</t>
  </si>
  <si>
    <t>Source: ABS Characteristics of Australian businesses 2021-22, table 1.</t>
  </si>
  <si>
    <t>Source: PC analysis using Tablebuilder data from ABS Work-related training and adult learning survey, 2020-21, except estimates for Aboriginal and Torres Strait Islander people which use ABS National Aboriginal and Torres Strait Islander Social Survey 2014-15.</t>
  </si>
  <si>
    <t>Source: ABS Work-related training and adult learning survey, 2020-21; OECD (2025) Trends in adult learning: new data from the 2023 Survey of Adult Skills, figure 1.2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164" formatCode="0.0%"/>
    <numFmt numFmtId="165" formatCode="0.0"/>
    <numFmt numFmtId="166" formatCode="0.0000"/>
  </numFmts>
  <fonts count="14" x14ac:knownFonts="1">
    <font>
      <sz val="10"/>
      <color theme="1"/>
      <name val="Arial"/>
      <family val="2"/>
    </font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b/>
      <sz val="10"/>
      <color theme="1"/>
      <name val="Arial"/>
      <family val="2"/>
    </font>
    <font>
      <b/>
      <sz val="12"/>
      <color theme="1"/>
      <name val="Arial"/>
      <family val="2"/>
    </font>
    <font>
      <i/>
      <sz val="10"/>
      <color theme="1"/>
      <name val="Arial"/>
      <family val="2"/>
    </font>
    <font>
      <u/>
      <sz val="10"/>
      <color theme="10"/>
      <name val="Arial"/>
      <family val="2"/>
    </font>
    <font>
      <sz val="10"/>
      <color theme="1"/>
      <name val="Arial"/>
      <family val="2"/>
      <scheme val="major"/>
    </font>
    <font>
      <sz val="10"/>
      <color theme="1"/>
      <name val="Arial"/>
      <family val="2"/>
      <scheme val="minor"/>
    </font>
    <font>
      <b/>
      <sz val="10"/>
      <color theme="1"/>
      <name val="Arial"/>
      <family val="2"/>
      <scheme val="major"/>
    </font>
    <font>
      <sz val="10"/>
      <color theme="1"/>
      <name val="Arial"/>
      <family val="2"/>
    </font>
    <font>
      <sz val="10"/>
      <color rgb="FF58585B"/>
      <name val="Arial Black"/>
      <family val="2"/>
    </font>
    <font>
      <i/>
      <sz val="10"/>
      <color theme="1"/>
      <name val="Arial"/>
      <family val="2"/>
      <scheme val="major"/>
    </font>
  </fonts>
  <fills count="2">
    <fill>
      <patternFill patternType="none"/>
    </fill>
    <fill>
      <patternFill patternType="gray125"/>
    </fill>
  </fills>
  <borders count="4">
    <border>
      <left/>
      <right/>
      <top/>
      <bottom/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/>
      <diagonal/>
    </border>
  </borders>
  <cellStyleXfs count="8">
    <xf numFmtId="0" fontId="0" fillId="0" borderId="0"/>
    <xf numFmtId="0" fontId="7" fillId="0" borderId="0" applyNumberFormat="0" applyFill="0" applyBorder="0" applyAlignment="0" applyProtection="0"/>
    <xf numFmtId="0" fontId="3" fillId="0" borderId="0"/>
    <xf numFmtId="9" fontId="3" fillId="0" borderId="0" applyFont="0" applyFill="0" applyBorder="0" applyAlignment="0" applyProtection="0"/>
    <xf numFmtId="0" fontId="3" fillId="0" borderId="0"/>
    <xf numFmtId="0" fontId="2" fillId="0" borderId="0"/>
    <xf numFmtId="9" fontId="11" fillId="0" borderId="0" applyFont="0" applyFill="0" applyBorder="0" applyAlignment="0" applyProtection="0"/>
    <xf numFmtId="0" fontId="1" fillId="0" borderId="0"/>
  </cellStyleXfs>
  <cellXfs count="47">
    <xf numFmtId="0" fontId="0" fillId="0" borderId="0" xfId="0"/>
    <xf numFmtId="0" fontId="4" fillId="0" borderId="0" xfId="0" applyFont="1"/>
    <xf numFmtId="0" fontId="5" fillId="0" borderId="0" xfId="0" applyFont="1"/>
    <xf numFmtId="0" fontId="8" fillId="0" borderId="0" xfId="0" applyFont="1"/>
    <xf numFmtId="0" fontId="3" fillId="0" borderId="0" xfId="2"/>
    <xf numFmtId="0" fontId="9" fillId="0" borderId="0" xfId="2" applyFont="1"/>
    <xf numFmtId="164" fontId="9" fillId="0" borderId="0" xfId="3" applyNumberFormat="1" applyFont="1"/>
    <xf numFmtId="0" fontId="0" fillId="0" borderId="1" xfId="0" applyBorder="1"/>
    <xf numFmtId="164" fontId="3" fillId="0" borderId="0" xfId="3" applyNumberFormat="1" applyFont="1"/>
    <xf numFmtId="0" fontId="6" fillId="0" borderId="0" xfId="0" applyFont="1"/>
    <xf numFmtId="0" fontId="10" fillId="0" borderId="0" xfId="0" applyFont="1"/>
    <xf numFmtId="0" fontId="7" fillId="0" borderId="0" xfId="1" applyFill="1"/>
    <xf numFmtId="1" fontId="9" fillId="0" borderId="0" xfId="3" applyNumberFormat="1" applyFont="1"/>
    <xf numFmtId="1" fontId="3" fillId="0" borderId="0" xfId="2" applyNumberFormat="1"/>
    <xf numFmtId="1" fontId="3" fillId="0" borderId="0" xfId="3" applyNumberFormat="1" applyFont="1"/>
    <xf numFmtId="1" fontId="0" fillId="0" borderId="0" xfId="0" applyNumberFormat="1"/>
    <xf numFmtId="0" fontId="0" fillId="0" borderId="1" xfId="0" applyBorder="1" applyAlignment="1">
      <alignment wrapText="1"/>
    </xf>
    <xf numFmtId="0" fontId="0" fillId="0" borderId="2" xfId="0" applyBorder="1"/>
    <xf numFmtId="0" fontId="0" fillId="0" borderId="3" xfId="0" applyBorder="1"/>
    <xf numFmtId="2" fontId="0" fillId="0" borderId="0" xfId="0" applyNumberFormat="1"/>
    <xf numFmtId="0" fontId="7" fillId="0" borderId="0" xfId="1"/>
    <xf numFmtId="0" fontId="0" fillId="0" borderId="3" xfId="0" applyBorder="1" applyAlignment="1">
      <alignment horizontal="center" wrapText="1"/>
    </xf>
    <xf numFmtId="0" fontId="0" fillId="0" borderId="2" xfId="0" applyBorder="1" applyAlignment="1">
      <alignment horizontal="center" wrapText="1"/>
    </xf>
    <xf numFmtId="0" fontId="0" fillId="0" borderId="0" xfId="0" applyAlignment="1">
      <alignment horizontal="left"/>
    </xf>
    <xf numFmtId="10" fontId="0" fillId="0" borderId="0" xfId="6" applyNumberFormat="1" applyFont="1"/>
    <xf numFmtId="0" fontId="12" fillId="0" borderId="0" xfId="0" applyFont="1" applyAlignment="1">
      <alignment vertical="center"/>
    </xf>
    <xf numFmtId="0" fontId="0" fillId="0" borderId="0" xfId="0" applyAlignment="1">
      <alignment vertical="center"/>
    </xf>
    <xf numFmtId="0" fontId="0" fillId="0" borderId="1" xfId="0" applyBorder="1" applyAlignment="1">
      <alignment vertical="center" wrapText="1"/>
    </xf>
    <xf numFmtId="0" fontId="0" fillId="0" borderId="1" xfId="0" applyBorder="1" applyAlignment="1">
      <alignment vertical="center"/>
    </xf>
    <xf numFmtId="9" fontId="0" fillId="0" borderId="0" xfId="0" applyNumberFormat="1"/>
    <xf numFmtId="0" fontId="0" fillId="0" borderId="0" xfId="0" applyAlignment="1">
      <alignment wrapText="1"/>
    </xf>
    <xf numFmtId="2" fontId="0" fillId="0" borderId="0" xfId="0" applyNumberFormat="1" applyAlignment="1">
      <alignment wrapText="1"/>
    </xf>
    <xf numFmtId="1" fontId="9" fillId="0" borderId="0" xfId="3" applyNumberFormat="1" applyFont="1" applyAlignment="1">
      <alignment wrapText="1"/>
    </xf>
    <xf numFmtId="164" fontId="9" fillId="0" borderId="0" xfId="3" applyNumberFormat="1" applyFont="1" applyAlignment="1">
      <alignment wrapText="1"/>
    </xf>
    <xf numFmtId="165" fontId="0" fillId="0" borderId="0" xfId="0" applyNumberFormat="1" applyAlignment="1">
      <alignment wrapText="1"/>
    </xf>
    <xf numFmtId="165" fontId="0" fillId="0" borderId="0" xfId="0" applyNumberFormat="1"/>
    <xf numFmtId="166" fontId="0" fillId="0" borderId="0" xfId="0" applyNumberFormat="1"/>
    <xf numFmtId="9" fontId="0" fillId="0" borderId="0" xfId="6" applyFont="1"/>
    <xf numFmtId="9" fontId="0" fillId="0" borderId="0" xfId="6" applyFont="1" applyAlignment="1">
      <alignment horizontal="left"/>
    </xf>
    <xf numFmtId="0" fontId="9" fillId="0" borderId="0" xfId="7" applyFont="1" applyAlignment="1">
      <alignment horizontal="left"/>
    </xf>
    <xf numFmtId="0" fontId="0" fillId="0" borderId="1" xfId="0" applyBorder="1" applyAlignment="1">
      <alignment horizontal="left" wrapText="1"/>
    </xf>
    <xf numFmtId="0" fontId="12" fillId="0" borderId="3" xfId="0" applyFont="1" applyBorder="1" applyAlignment="1">
      <alignment vertical="center"/>
    </xf>
    <xf numFmtId="164" fontId="0" fillId="0" borderId="0" xfId="6" applyNumberFormat="1" applyFont="1" applyAlignment="1">
      <alignment horizontal="right"/>
    </xf>
    <xf numFmtId="164" fontId="0" fillId="0" borderId="0" xfId="0" applyNumberFormat="1"/>
    <xf numFmtId="0" fontId="0" fillId="0" borderId="3" xfId="0" applyBorder="1" applyAlignment="1">
      <alignment horizontal="center"/>
    </xf>
    <xf numFmtId="0" fontId="0" fillId="0" borderId="0" xfId="0" applyAlignment="1">
      <alignment horizontal="center"/>
    </xf>
    <xf numFmtId="0" fontId="0" fillId="0" borderId="1" xfId="0" applyBorder="1" applyAlignment="1">
      <alignment horizontal="left" wrapText="1"/>
    </xf>
  </cellXfs>
  <cellStyles count="8">
    <cellStyle name="Hyperlink" xfId="1" builtinId="8"/>
    <cellStyle name="Normal" xfId="0" builtinId="0"/>
    <cellStyle name="Normal 12" xfId="2" xr:uid="{437DBC8D-BBED-452A-BA52-E63D559A0817}"/>
    <cellStyle name="Normal 2" xfId="7" xr:uid="{0E5E0973-2570-4F91-AB66-46DD7FDD475C}"/>
    <cellStyle name="Normal 3" xfId="5" xr:uid="{32588AA6-6E21-46E9-BC4D-18502A9AD8E5}"/>
    <cellStyle name="Normal 8" xfId="4" xr:uid="{95820D78-4391-4F64-85D4-F6CF3AFE79A9}"/>
    <cellStyle name="Percent" xfId="6" builtinId="5"/>
    <cellStyle name="Percent 3" xfId="3" xr:uid="{D534C50D-C356-4705-B7D9-34A6EBE0AEFD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worksheet" Target="worksheets/sheet13.xml"/><Relationship Id="rId18" Type="http://schemas.openxmlformats.org/officeDocument/2006/relationships/worksheet" Target="worksheets/sheet18.xml"/><Relationship Id="rId26" Type="http://schemas.openxmlformats.org/officeDocument/2006/relationships/sharedStrings" Target="sharedStrings.xml"/><Relationship Id="rId3" Type="http://schemas.openxmlformats.org/officeDocument/2006/relationships/worksheet" Target="worksheets/sheet3.xml"/><Relationship Id="rId21" Type="http://schemas.openxmlformats.org/officeDocument/2006/relationships/worksheet" Target="worksheets/sheet21.xml"/><Relationship Id="rId7" Type="http://schemas.openxmlformats.org/officeDocument/2006/relationships/worksheet" Target="worksheets/sheet7.xml"/><Relationship Id="rId12" Type="http://schemas.openxmlformats.org/officeDocument/2006/relationships/worksheet" Target="worksheets/sheet12.xml"/><Relationship Id="rId17" Type="http://schemas.openxmlformats.org/officeDocument/2006/relationships/worksheet" Target="worksheets/sheet17.xml"/><Relationship Id="rId25" Type="http://schemas.openxmlformats.org/officeDocument/2006/relationships/styles" Target="styles.xml"/><Relationship Id="rId2" Type="http://schemas.openxmlformats.org/officeDocument/2006/relationships/worksheet" Target="worksheets/sheet2.xml"/><Relationship Id="rId16" Type="http://schemas.openxmlformats.org/officeDocument/2006/relationships/worksheet" Target="worksheets/sheet16.xml"/><Relationship Id="rId20" Type="http://schemas.openxmlformats.org/officeDocument/2006/relationships/worksheet" Target="worksheets/sheet20.xml"/><Relationship Id="rId29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worksheet" Target="worksheets/sheet11.xml"/><Relationship Id="rId24" Type="http://schemas.openxmlformats.org/officeDocument/2006/relationships/theme" Target="theme/theme1.xml"/><Relationship Id="rId5" Type="http://schemas.openxmlformats.org/officeDocument/2006/relationships/worksheet" Target="worksheets/sheet5.xml"/><Relationship Id="rId15" Type="http://schemas.openxmlformats.org/officeDocument/2006/relationships/worksheet" Target="worksheets/sheet15.xml"/><Relationship Id="rId23" Type="http://schemas.openxmlformats.org/officeDocument/2006/relationships/worksheet" Target="worksheets/sheet23.xml"/><Relationship Id="rId28" Type="http://schemas.openxmlformats.org/officeDocument/2006/relationships/customXml" Target="../customXml/item2.xml"/><Relationship Id="rId10" Type="http://schemas.openxmlformats.org/officeDocument/2006/relationships/worksheet" Target="worksheets/sheet10.xml"/><Relationship Id="rId19" Type="http://schemas.openxmlformats.org/officeDocument/2006/relationships/worksheet" Target="worksheets/sheet19.xml"/><Relationship Id="rId31" Type="http://schemas.openxmlformats.org/officeDocument/2006/relationships/customXml" Target="../customXml/item5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worksheet" Target="worksheets/sheet14.xml"/><Relationship Id="rId22" Type="http://schemas.openxmlformats.org/officeDocument/2006/relationships/worksheet" Target="worksheets/sheet22.xml"/><Relationship Id="rId27" Type="http://schemas.openxmlformats.org/officeDocument/2006/relationships/customXml" Target="../customXml/item1.xml"/><Relationship Id="rId30" Type="http://schemas.openxmlformats.org/officeDocument/2006/relationships/customXml" Target="../customXml/item4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04775</xdr:colOff>
      <xdr:row>0</xdr:row>
      <xdr:rowOff>161925</xdr:rowOff>
    </xdr:from>
    <xdr:to>
      <xdr:col>2</xdr:col>
      <xdr:colOff>397386</xdr:colOff>
      <xdr:row>0</xdr:row>
      <xdr:rowOff>527686</xdr:rowOff>
    </xdr:to>
    <xdr:pic>
      <xdr:nvPicPr>
        <xdr:cNvPr id="4" name="Picture 3" descr="Australian Government Productivity Commissioln logo">
          <a:extLst>
            <a:ext uri="{FF2B5EF4-FFF2-40B4-BE49-F238E27FC236}">
              <a16:creationId xmlns:a16="http://schemas.microsoft.com/office/drawing/2014/main" id="{F61E1EB3-77B5-46D9-B219-2DC349D2A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61925"/>
          <a:ext cx="1511811" cy="365761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ProdCommTheme-new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://www.pc.gov.au/inquiries-and-research/adaptable-workforce/" TargetMode="External"/></Relationships>
</file>

<file path=xl/worksheets/_rels/sheet1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1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1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_rels/sheet1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0.bin"/></Relationships>
</file>

<file path=xl/worksheets/_rels/sheet1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1.bin"/></Relationships>
</file>

<file path=xl/worksheets/_rels/sheet1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2.bin"/></Relationships>
</file>

<file path=xl/worksheets/_rels/sheet1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3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20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4.bin"/></Relationships>
</file>

<file path=xl/worksheets/_rels/sheet2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5.bin"/></Relationships>
</file>

<file path=xl/worksheets/_rels/sheet2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6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 codeName="Sheet1">
    <tabColor theme="2"/>
  </sheetPr>
  <dimension ref="A1:D8"/>
  <sheetViews>
    <sheetView showGridLines="0" tabSelected="1" workbookViewId="0">
      <selection activeCell="A2" sqref="A2"/>
    </sheetView>
  </sheetViews>
  <sheetFormatPr defaultRowHeight="12.5" x14ac:dyDescent="0.25"/>
  <sheetData>
    <row r="1" spans="1:4" ht="54.75" customHeight="1" x14ac:dyDescent="0.25"/>
    <row r="2" spans="1:4" ht="15.5" x14ac:dyDescent="0.35">
      <c r="A2" s="2" t="s">
        <v>0</v>
      </c>
    </row>
    <row r="3" spans="1:4" ht="15.5" x14ac:dyDescent="0.35">
      <c r="A3" s="2"/>
    </row>
    <row r="4" spans="1:4" ht="13" x14ac:dyDescent="0.3">
      <c r="A4" s="3" t="s">
        <v>89</v>
      </c>
    </row>
    <row r="6" spans="1:4" ht="13" x14ac:dyDescent="0.3">
      <c r="A6" t="s">
        <v>1</v>
      </c>
    </row>
    <row r="8" spans="1:4" x14ac:dyDescent="0.25">
      <c r="A8" t="s">
        <v>2</v>
      </c>
      <c r="D8" s="11" t="s">
        <v>90</v>
      </c>
    </row>
  </sheetData>
  <hyperlinks>
    <hyperlink ref="D8" r:id="rId1" xr:uid="{F7215CD5-9EC0-45B6-BBCE-2A9C9D0524F3}"/>
  </hyperlinks>
  <pageMargins left="0.7" right="0.7" top="0.75" bottom="0.75" header="0.3" footer="0.3"/>
  <pageSetup paperSize="9" orientation="portrait" r:id="rId2"/>
  <headerFooter>
    <oddHeader>&amp;C&amp;"Calibri"&amp;12&amp;K000000  OFFICIAL&amp;1#_x000D_</oddHeader>
  </headerFooter>
  <drawing r:id="rId3"/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4D56F78-8E72-497B-95BE-50592E648C0E}">
  <sheetPr codeName="Sheet10"/>
  <dimension ref="A1:D13"/>
  <sheetViews>
    <sheetView showGridLines="0" workbookViewId="0"/>
  </sheetViews>
  <sheetFormatPr defaultRowHeight="12.5" x14ac:dyDescent="0.25"/>
  <cols>
    <col min="1" max="1" width="16.54296875" customWidth="1"/>
    <col min="2" max="2" width="20.453125" customWidth="1"/>
    <col min="3" max="3" width="18.1796875" customWidth="1"/>
    <col min="4" max="4" width="13.26953125" customWidth="1"/>
  </cols>
  <sheetData>
    <row r="1" spans="1:4" ht="13" x14ac:dyDescent="0.3">
      <c r="A1" s="1" t="s">
        <v>111</v>
      </c>
    </row>
    <row r="3" spans="1:4" x14ac:dyDescent="0.25">
      <c r="A3" s="7" t="s">
        <v>150</v>
      </c>
      <c r="B3" s="7" t="s">
        <v>137</v>
      </c>
      <c r="C3" s="7" t="s">
        <v>151</v>
      </c>
      <c r="D3" s="7" t="s">
        <v>152</v>
      </c>
    </row>
    <row r="4" spans="1:4" x14ac:dyDescent="0.25">
      <c r="A4" t="s">
        <v>112</v>
      </c>
      <c r="B4" t="s">
        <v>113</v>
      </c>
      <c r="C4" t="s">
        <v>114</v>
      </c>
      <c r="D4">
        <v>2.73</v>
      </c>
    </row>
    <row r="5" spans="1:4" x14ac:dyDescent="0.25">
      <c r="A5" t="s">
        <v>112</v>
      </c>
      <c r="B5" t="s">
        <v>115</v>
      </c>
      <c r="C5" t="s">
        <v>114</v>
      </c>
      <c r="D5">
        <v>2.12</v>
      </c>
    </row>
    <row r="6" spans="1:4" x14ac:dyDescent="0.25">
      <c r="A6" t="s">
        <v>112</v>
      </c>
      <c r="B6" t="s">
        <v>113</v>
      </c>
      <c r="C6" t="s">
        <v>116</v>
      </c>
      <c r="D6">
        <v>1.85</v>
      </c>
    </row>
    <row r="7" spans="1:4" x14ac:dyDescent="0.25">
      <c r="A7" t="s">
        <v>112</v>
      </c>
      <c r="B7" t="s">
        <v>115</v>
      </c>
      <c r="C7" t="s">
        <v>116</v>
      </c>
      <c r="D7">
        <v>1.96</v>
      </c>
    </row>
    <row r="8" spans="1:4" x14ac:dyDescent="0.25">
      <c r="A8" t="s">
        <v>117</v>
      </c>
      <c r="B8" t="s">
        <v>113</v>
      </c>
      <c r="C8" t="s">
        <v>114</v>
      </c>
      <c r="D8">
        <v>3.04</v>
      </c>
    </row>
    <row r="9" spans="1:4" x14ac:dyDescent="0.25">
      <c r="A9" t="s">
        <v>117</v>
      </c>
      <c r="B9" t="s">
        <v>118</v>
      </c>
      <c r="C9" t="s">
        <v>114</v>
      </c>
      <c r="D9">
        <v>2.78</v>
      </c>
    </row>
    <row r="10" spans="1:4" x14ac:dyDescent="0.25">
      <c r="A10" t="s">
        <v>117</v>
      </c>
      <c r="B10" t="s">
        <v>113</v>
      </c>
      <c r="C10" t="s">
        <v>116</v>
      </c>
      <c r="D10">
        <v>2.1800000000000002</v>
      </c>
    </row>
    <row r="11" spans="1:4" x14ac:dyDescent="0.25">
      <c r="A11" t="s">
        <v>117</v>
      </c>
      <c r="B11" t="s">
        <v>118</v>
      </c>
      <c r="C11" t="s">
        <v>116</v>
      </c>
      <c r="D11">
        <v>2.62</v>
      </c>
    </row>
    <row r="13" spans="1:4" x14ac:dyDescent="0.25">
      <c r="A13" t="s">
        <v>119</v>
      </c>
    </row>
  </sheetData>
  <pageMargins left="0.7" right="0.7" top="0.75" bottom="0.75" header="0.3" footer="0.3"/>
</worksheet>
</file>

<file path=xl/worksheets/sheet1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52BD572-F3C5-444B-BFC6-6F8C32336FD7}">
  <sheetPr codeName="Sheet11"/>
  <dimension ref="A1:G22"/>
  <sheetViews>
    <sheetView showGridLines="0" workbookViewId="0"/>
  </sheetViews>
  <sheetFormatPr defaultRowHeight="12.5" x14ac:dyDescent="0.25"/>
  <cols>
    <col min="1" max="1" width="11.54296875" customWidth="1"/>
    <col min="2" max="4" width="11.7265625" customWidth="1"/>
  </cols>
  <sheetData>
    <row r="1" spans="1:7" ht="13" x14ac:dyDescent="0.3">
      <c r="A1" s="1" t="s">
        <v>164</v>
      </c>
    </row>
    <row r="2" spans="1:7" ht="15.5" x14ac:dyDescent="0.25">
      <c r="A2" s="25"/>
    </row>
    <row r="3" spans="1:7" ht="37.5" x14ac:dyDescent="0.25">
      <c r="A3" s="7"/>
      <c r="B3" s="16" t="s">
        <v>165</v>
      </c>
      <c r="C3" s="16" t="s">
        <v>166</v>
      </c>
      <c r="D3" s="16" t="s">
        <v>167</v>
      </c>
    </row>
    <row r="4" spans="1:7" x14ac:dyDescent="0.25">
      <c r="A4" s="39">
        <v>2007</v>
      </c>
      <c r="B4" s="38">
        <v>0.32129999999999997</v>
      </c>
      <c r="C4" s="38"/>
      <c r="D4" s="38">
        <v>0.504</v>
      </c>
      <c r="E4" s="29"/>
      <c r="G4" s="29"/>
    </row>
    <row r="5" spans="1:7" x14ac:dyDescent="0.25">
      <c r="A5" s="39">
        <v>2008</v>
      </c>
      <c r="B5" s="38">
        <v>0.35189999999999999</v>
      </c>
      <c r="C5" s="38"/>
      <c r="D5" s="38">
        <v>0.52249999999999996</v>
      </c>
      <c r="E5" s="29"/>
      <c r="G5" s="29"/>
    </row>
    <row r="6" spans="1:7" x14ac:dyDescent="0.25">
      <c r="A6" s="39">
        <v>2009</v>
      </c>
      <c r="B6" s="38">
        <v>0.33600000000000002</v>
      </c>
      <c r="C6" s="38">
        <v>0.32079999999999997</v>
      </c>
      <c r="D6" s="38">
        <v>0.54100000000000004</v>
      </c>
      <c r="E6" s="29"/>
      <c r="F6" s="29"/>
      <c r="G6" s="29"/>
    </row>
    <row r="7" spans="1:7" x14ac:dyDescent="0.25">
      <c r="A7" s="39">
        <v>2010</v>
      </c>
      <c r="B7" s="38">
        <v>0.31359999999999999</v>
      </c>
      <c r="C7" s="38"/>
      <c r="D7" s="38">
        <v>0.51549999999999996</v>
      </c>
      <c r="E7" s="29"/>
      <c r="G7" s="29"/>
    </row>
    <row r="8" spans="1:7" x14ac:dyDescent="0.25">
      <c r="A8" s="39">
        <v>2011</v>
      </c>
      <c r="B8" s="38">
        <v>0.32250000000000001</v>
      </c>
      <c r="C8" s="38"/>
      <c r="D8" s="38">
        <v>0.49</v>
      </c>
      <c r="E8" s="29"/>
      <c r="G8" s="29"/>
    </row>
    <row r="9" spans="1:7" x14ac:dyDescent="0.25">
      <c r="A9" s="39">
        <v>2012</v>
      </c>
      <c r="B9" s="38">
        <v>0.33189999999999997</v>
      </c>
      <c r="C9" s="38"/>
      <c r="D9" s="38">
        <v>0.48249999999999998</v>
      </c>
      <c r="E9" s="29"/>
      <c r="G9" s="29"/>
    </row>
    <row r="10" spans="1:7" x14ac:dyDescent="0.25">
      <c r="A10" s="39">
        <v>2013</v>
      </c>
      <c r="B10" s="38">
        <v>0.3276</v>
      </c>
      <c r="C10" s="38">
        <v>0.37</v>
      </c>
      <c r="D10" s="38">
        <v>0.47499999999999998</v>
      </c>
      <c r="E10" s="29"/>
      <c r="F10" s="29"/>
      <c r="G10" s="29"/>
    </row>
    <row r="11" spans="1:7" x14ac:dyDescent="0.25">
      <c r="A11" s="39">
        <v>2014</v>
      </c>
      <c r="B11" s="38">
        <v>0.33289999999999997</v>
      </c>
      <c r="C11" s="38"/>
      <c r="D11" s="38">
        <v>0.48399999999999999</v>
      </c>
      <c r="E11" s="29"/>
      <c r="G11" s="29"/>
    </row>
    <row r="12" spans="1:7" x14ac:dyDescent="0.25">
      <c r="A12" s="39">
        <v>2015</v>
      </c>
      <c r="B12" s="38">
        <v>0.32479999999999998</v>
      </c>
      <c r="C12" s="38"/>
      <c r="D12" s="38">
        <v>0.49299999999999999</v>
      </c>
      <c r="E12" s="29"/>
      <c r="G12" s="29"/>
    </row>
    <row r="13" spans="1:7" x14ac:dyDescent="0.25">
      <c r="A13" s="39">
        <v>2016</v>
      </c>
      <c r="B13" s="38">
        <v>0.2979</v>
      </c>
      <c r="C13" s="38"/>
      <c r="D13" s="38">
        <v>0.50049999999999994</v>
      </c>
      <c r="E13" s="29"/>
      <c r="G13" s="29"/>
    </row>
    <row r="14" spans="1:7" x14ac:dyDescent="0.25">
      <c r="A14" s="39">
        <v>2017</v>
      </c>
      <c r="B14" s="38">
        <v>0.3075</v>
      </c>
      <c r="C14" s="38">
        <v>0.30499999999999999</v>
      </c>
      <c r="D14" s="38">
        <v>0.50800000000000001</v>
      </c>
      <c r="E14" s="29"/>
      <c r="F14" s="29"/>
      <c r="G14" s="29"/>
    </row>
    <row r="15" spans="1:7" x14ac:dyDescent="0.25">
      <c r="A15" s="39">
        <v>2018</v>
      </c>
      <c r="B15" s="38">
        <v>0.30909999999999999</v>
      </c>
      <c r="C15" s="38"/>
      <c r="D15" s="38">
        <v>0.498</v>
      </c>
      <c r="E15" s="29"/>
      <c r="G15" s="29"/>
    </row>
    <row r="16" spans="1:7" x14ac:dyDescent="0.25">
      <c r="A16" s="39">
        <v>2019</v>
      </c>
      <c r="B16" s="38">
        <v>0.31900000000000001</v>
      </c>
      <c r="C16" s="38"/>
      <c r="D16" s="38">
        <v>0.48799999999999999</v>
      </c>
      <c r="E16" s="29"/>
      <c r="G16" s="29"/>
    </row>
    <row r="17" spans="1:7" x14ac:dyDescent="0.25">
      <c r="A17" s="39">
        <v>2020</v>
      </c>
      <c r="B17" s="38">
        <v>0.28060000000000002</v>
      </c>
      <c r="C17" s="38"/>
      <c r="D17" s="38">
        <v>0.505</v>
      </c>
      <c r="E17" s="29"/>
      <c r="G17" s="29"/>
    </row>
    <row r="18" spans="1:7" x14ac:dyDescent="0.25">
      <c r="A18" s="39">
        <v>2021</v>
      </c>
      <c r="B18" s="38">
        <v>0.2898</v>
      </c>
      <c r="C18" s="38">
        <v>0.32200000000000001</v>
      </c>
      <c r="D18" s="38">
        <v>0.52200000000000002</v>
      </c>
      <c r="E18" s="29"/>
      <c r="F18" s="29"/>
      <c r="G18" s="29"/>
    </row>
    <row r="19" spans="1:7" x14ac:dyDescent="0.25">
      <c r="A19" s="39">
        <v>2022</v>
      </c>
      <c r="B19" s="38">
        <v>0.27710000000000001</v>
      </c>
      <c r="C19" s="38"/>
      <c r="D19" s="38">
        <v>0.53300000000000003</v>
      </c>
      <c r="E19" s="29"/>
      <c r="G19" s="29"/>
    </row>
    <row r="20" spans="1:7" x14ac:dyDescent="0.25">
      <c r="A20" s="39">
        <v>2023</v>
      </c>
      <c r="B20" s="23"/>
      <c r="C20" s="23"/>
      <c r="D20" s="38">
        <v>0.54400000000000004</v>
      </c>
      <c r="E20" s="29"/>
      <c r="G20" s="29"/>
    </row>
    <row r="21" spans="1:7" x14ac:dyDescent="0.25">
      <c r="E21" s="29"/>
    </row>
    <row r="22" spans="1:7" x14ac:dyDescent="0.25">
      <c r="A22" t="s">
        <v>230</v>
      </c>
    </row>
  </sheetData>
  <pageMargins left="0.7" right="0.7" top="0.75" bottom="0.75" header="0.3" footer="0.3"/>
  <pageSetup paperSize="9" orientation="portrait" r:id="rId1"/>
</worksheet>
</file>

<file path=xl/worksheets/sheet1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4AD65D7-976A-48BD-84BB-A55F4067F2DD}">
  <sheetPr codeName="Sheet12"/>
  <dimension ref="A1:H16"/>
  <sheetViews>
    <sheetView showGridLines="0" workbookViewId="0"/>
  </sheetViews>
  <sheetFormatPr defaultRowHeight="12.5" x14ac:dyDescent="0.25"/>
  <cols>
    <col min="1" max="1" width="13.1796875" customWidth="1"/>
    <col min="2" max="2" width="11.7265625" customWidth="1"/>
    <col min="3" max="3" width="10.54296875" customWidth="1"/>
  </cols>
  <sheetData>
    <row r="1" spans="1:8" ht="13" x14ac:dyDescent="0.3">
      <c r="A1" s="1" t="s">
        <v>224</v>
      </c>
    </row>
    <row r="2" spans="1:8" ht="15.5" x14ac:dyDescent="0.25">
      <c r="A2" s="25"/>
      <c r="B2" s="30"/>
      <c r="C2" s="30"/>
      <c r="D2" s="30"/>
    </row>
    <row r="3" spans="1:8" ht="15.5" x14ac:dyDescent="0.25">
      <c r="A3" s="41"/>
      <c r="B3" s="46" t="s">
        <v>181</v>
      </c>
      <c r="C3" s="46"/>
      <c r="D3" s="46"/>
    </row>
    <row r="4" spans="1:8" ht="25" x14ac:dyDescent="0.25">
      <c r="A4" s="17"/>
      <c r="B4" s="16" t="s">
        <v>168</v>
      </c>
      <c r="C4" s="16" t="s">
        <v>170</v>
      </c>
      <c r="D4" s="16" t="s">
        <v>169</v>
      </c>
    </row>
    <row r="5" spans="1:8" x14ac:dyDescent="0.25">
      <c r="A5" t="s">
        <v>171</v>
      </c>
      <c r="B5" s="38">
        <v>0.41489999999999999</v>
      </c>
      <c r="C5" s="38">
        <v>3.5200000000000002E-2</v>
      </c>
      <c r="D5" s="38">
        <v>9.6799999999999997E-2</v>
      </c>
      <c r="F5" s="29"/>
      <c r="G5" s="29"/>
      <c r="H5" s="29"/>
    </row>
    <row r="6" spans="1:8" x14ac:dyDescent="0.25">
      <c r="A6" t="s">
        <v>172</v>
      </c>
      <c r="B6" s="38">
        <v>0.42599999999999999</v>
      </c>
      <c r="C6" s="38">
        <v>3.78E-2</v>
      </c>
      <c r="D6" s="38">
        <v>6.6699999999999995E-2</v>
      </c>
      <c r="F6" s="29"/>
      <c r="G6" s="29"/>
      <c r="H6" s="29"/>
    </row>
    <row r="7" spans="1:8" x14ac:dyDescent="0.25">
      <c r="A7" t="s">
        <v>173</v>
      </c>
      <c r="B7" s="38">
        <v>0.4078</v>
      </c>
      <c r="C7" s="38">
        <v>4.2799999999999998E-2</v>
      </c>
      <c r="D7" s="38">
        <v>7.3200000000000001E-2</v>
      </c>
      <c r="F7" s="29"/>
      <c r="G7" s="29"/>
      <c r="H7" s="29"/>
    </row>
    <row r="8" spans="1:8" x14ac:dyDescent="0.25">
      <c r="A8" t="s">
        <v>174</v>
      </c>
      <c r="B8" s="38">
        <v>0.40400000000000003</v>
      </c>
      <c r="C8" s="38">
        <v>4.1300000000000003E-2</v>
      </c>
      <c r="D8" s="38">
        <v>6.6600000000000006E-2</v>
      </c>
      <c r="F8" s="29"/>
      <c r="G8" s="29"/>
      <c r="H8" s="29"/>
    </row>
    <row r="9" spans="1:8" x14ac:dyDescent="0.25">
      <c r="A9" t="s">
        <v>175</v>
      </c>
      <c r="B9" s="38">
        <v>0.36109999999999998</v>
      </c>
      <c r="C9" s="38">
        <v>3.4799999999999998E-2</v>
      </c>
      <c r="D9" s="38">
        <v>2.6800000000000001E-2</v>
      </c>
      <c r="F9" s="29"/>
      <c r="G9" s="29"/>
      <c r="H9" s="29"/>
    </row>
    <row r="10" spans="1:8" x14ac:dyDescent="0.25">
      <c r="A10" t="s">
        <v>176</v>
      </c>
      <c r="B10" s="38">
        <v>0.32469999999999999</v>
      </c>
      <c r="C10" s="38">
        <v>3.7400000000000003E-2</v>
      </c>
      <c r="D10" s="38">
        <v>4.1500000000000002E-2</v>
      </c>
      <c r="F10" s="29"/>
      <c r="G10" s="29"/>
      <c r="H10" s="29"/>
    </row>
    <row r="11" spans="1:8" x14ac:dyDescent="0.25">
      <c r="A11" t="s">
        <v>177</v>
      </c>
      <c r="B11" s="38">
        <v>0.2351</v>
      </c>
      <c r="C11" s="38">
        <v>8.5199999999999998E-2</v>
      </c>
      <c r="D11" s="38">
        <v>4.1799999999999997E-2</v>
      </c>
      <c r="F11" s="29"/>
      <c r="G11" s="29"/>
      <c r="H11" s="29"/>
    </row>
    <row r="12" spans="1:8" x14ac:dyDescent="0.25">
      <c r="A12" t="s">
        <v>178</v>
      </c>
      <c r="B12" s="38">
        <v>0.28689999999999999</v>
      </c>
      <c r="C12" s="38">
        <v>2.1700000000000001E-2</v>
      </c>
      <c r="D12" s="38">
        <v>1.4800000000000001E-2</v>
      </c>
      <c r="F12" s="29"/>
      <c r="G12" s="29"/>
      <c r="H12" s="29"/>
    </row>
    <row r="13" spans="1:8" x14ac:dyDescent="0.25">
      <c r="A13" t="s">
        <v>179</v>
      </c>
      <c r="B13" s="38">
        <v>0.2923</v>
      </c>
      <c r="C13" s="38">
        <v>6.1000000000000004E-3</v>
      </c>
      <c r="D13" s="38">
        <v>4.7000000000000002E-3</v>
      </c>
      <c r="F13" s="29"/>
      <c r="G13" s="29"/>
      <c r="H13" s="29"/>
    </row>
    <row r="14" spans="1:8" x14ac:dyDescent="0.25">
      <c r="A14" t="s">
        <v>180</v>
      </c>
      <c r="B14" s="38">
        <v>0.1986</v>
      </c>
      <c r="C14" s="38">
        <v>2.4199999999999999E-2</v>
      </c>
      <c r="D14" s="38">
        <v>0.02</v>
      </c>
      <c r="F14" s="29"/>
      <c r="G14" s="29"/>
      <c r="H14" s="29"/>
    </row>
    <row r="16" spans="1:8" x14ac:dyDescent="0.25">
      <c r="A16" t="s">
        <v>238</v>
      </c>
    </row>
  </sheetData>
  <mergeCells count="1">
    <mergeCell ref="B3:D3"/>
  </mergeCells>
  <pageMargins left="0.7" right="0.7" top="0.75" bottom="0.75" header="0.3" footer="0.3"/>
  <pageSetup paperSize="9" orientation="portrait" r:id="rId1"/>
</worksheet>
</file>

<file path=xl/worksheets/sheet1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98C49AA-C1D3-40CE-8E10-3348EA5A47B1}">
  <dimension ref="A1:E9"/>
  <sheetViews>
    <sheetView showGridLines="0" workbookViewId="0"/>
  </sheetViews>
  <sheetFormatPr defaultRowHeight="12.5" x14ac:dyDescent="0.25"/>
  <cols>
    <col min="1" max="1" width="25.54296875" customWidth="1"/>
    <col min="2" max="2" width="13.1796875" customWidth="1"/>
    <col min="3" max="3" width="14.453125" customWidth="1"/>
  </cols>
  <sheetData>
    <row r="1" spans="1:5" ht="13" x14ac:dyDescent="0.3">
      <c r="A1" s="1" t="s">
        <v>225</v>
      </c>
    </row>
    <row r="3" spans="1:5" x14ac:dyDescent="0.25">
      <c r="A3" s="18"/>
      <c r="B3" s="18" t="s">
        <v>187</v>
      </c>
      <c r="C3" s="18"/>
    </row>
    <row r="4" spans="1:5" ht="25" x14ac:dyDescent="0.25">
      <c r="A4" s="17"/>
      <c r="B4" s="16" t="s">
        <v>185</v>
      </c>
      <c r="C4" s="16" t="s">
        <v>186</v>
      </c>
    </row>
    <row r="5" spans="1:5" x14ac:dyDescent="0.25">
      <c r="A5" t="s">
        <v>182</v>
      </c>
      <c r="B5" s="38">
        <v>0.15290000000000001</v>
      </c>
      <c r="C5" s="38">
        <v>3.2300000000000002E-2</v>
      </c>
      <c r="D5" s="29"/>
      <c r="E5" s="29"/>
    </row>
    <row r="6" spans="1:5" x14ac:dyDescent="0.25">
      <c r="A6" t="s">
        <v>183</v>
      </c>
      <c r="B6" s="38">
        <v>0.25629999999999997</v>
      </c>
      <c r="C6" s="38">
        <v>4.9099999999999998E-2</v>
      </c>
      <c r="D6" s="29"/>
      <c r="E6" s="29"/>
    </row>
    <row r="7" spans="1:5" x14ac:dyDescent="0.25">
      <c r="A7" s="23" t="s">
        <v>184</v>
      </c>
      <c r="B7" s="38">
        <v>0.39379999999999998</v>
      </c>
      <c r="C7" s="38">
        <v>3.2599999999999997E-2</v>
      </c>
      <c r="D7" s="29"/>
      <c r="E7" s="29"/>
    </row>
    <row r="8" spans="1:5" ht="16.5" customHeight="1" x14ac:dyDescent="0.25"/>
    <row r="9" spans="1:5" x14ac:dyDescent="0.25">
      <c r="A9" s="26" t="s">
        <v>233</v>
      </c>
    </row>
  </sheetData>
  <pageMargins left="0.7" right="0.7" top="0.75" bottom="0.75" header="0.3" footer="0.3"/>
  <pageSetup paperSize="9" orientation="portrait" r:id="rId1"/>
</worksheet>
</file>

<file path=xl/worksheets/sheet1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B36C5DA-B26D-4245-AD91-77B0C68EAC69}">
  <sheetPr codeName="Sheet13"/>
  <dimension ref="A1:G8"/>
  <sheetViews>
    <sheetView showGridLines="0" workbookViewId="0"/>
  </sheetViews>
  <sheetFormatPr defaultRowHeight="12.5" x14ac:dyDescent="0.25"/>
  <cols>
    <col min="1" max="1" width="25.54296875" customWidth="1"/>
    <col min="2" max="2" width="13.1796875" customWidth="1"/>
    <col min="3" max="3" width="14.453125" customWidth="1"/>
    <col min="4" max="4" width="16.1796875" customWidth="1"/>
  </cols>
  <sheetData>
    <row r="1" spans="1:7" ht="13" x14ac:dyDescent="0.3">
      <c r="A1" s="1" t="s">
        <v>226</v>
      </c>
    </row>
    <row r="3" spans="1:7" ht="25" x14ac:dyDescent="0.25">
      <c r="A3" s="7"/>
      <c r="B3" s="16" t="s">
        <v>188</v>
      </c>
      <c r="C3" s="16" t="s">
        <v>189</v>
      </c>
      <c r="D3" s="16" t="s">
        <v>190</v>
      </c>
    </row>
    <row r="4" spans="1:7" x14ac:dyDescent="0.25">
      <c r="A4" t="s">
        <v>182</v>
      </c>
      <c r="B4" s="37">
        <v>0.15260000000000001</v>
      </c>
      <c r="C4" s="37">
        <v>0.16450000000000001</v>
      </c>
      <c r="D4" s="37">
        <v>0.18390000000000001</v>
      </c>
      <c r="E4" s="29"/>
      <c r="F4" s="29"/>
      <c r="G4" s="29"/>
    </row>
    <row r="5" spans="1:7" x14ac:dyDescent="0.25">
      <c r="A5" t="s">
        <v>183</v>
      </c>
      <c r="B5" s="37">
        <v>0.25629999999999997</v>
      </c>
      <c r="C5" s="37">
        <v>0.25679999999999997</v>
      </c>
      <c r="D5" s="37">
        <v>0.28270000000000001</v>
      </c>
      <c r="E5" s="29"/>
      <c r="F5" s="29"/>
      <c r="G5" s="29"/>
    </row>
    <row r="6" spans="1:7" x14ac:dyDescent="0.25">
      <c r="A6" s="23" t="s">
        <v>184</v>
      </c>
      <c r="B6" s="37">
        <v>0.39379999999999998</v>
      </c>
      <c r="C6" s="37">
        <v>0.39379999999999998</v>
      </c>
      <c r="D6" s="37">
        <v>0.39379999999999998</v>
      </c>
      <c r="E6" s="29"/>
      <c r="F6" s="29"/>
      <c r="G6" s="29"/>
    </row>
    <row r="7" spans="1:7" ht="16.5" customHeight="1" x14ac:dyDescent="0.25"/>
    <row r="8" spans="1:7" x14ac:dyDescent="0.25">
      <c r="A8" s="26" t="s">
        <v>235</v>
      </c>
    </row>
  </sheetData>
  <pageMargins left="0.7" right="0.7" top="0.75" bottom="0.75" header="0.3" footer="0.3"/>
  <pageSetup paperSize="9" orientation="portrait" r:id="rId1"/>
</worksheet>
</file>

<file path=xl/worksheets/sheet1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8BA8DAE-C177-4E6C-959D-A7057791071A}">
  <dimension ref="A1:F26"/>
  <sheetViews>
    <sheetView showGridLines="0" workbookViewId="0"/>
  </sheetViews>
  <sheetFormatPr defaultRowHeight="12.5" x14ac:dyDescent="0.25"/>
  <cols>
    <col min="1" max="1" width="36.1796875" customWidth="1"/>
  </cols>
  <sheetData>
    <row r="1" spans="1:6" ht="13" x14ac:dyDescent="0.3">
      <c r="A1" s="1" t="s">
        <v>161</v>
      </c>
    </row>
    <row r="2" spans="1:6" x14ac:dyDescent="0.25">
      <c r="A2" t="s">
        <v>213</v>
      </c>
    </row>
    <row r="4" spans="1:6" x14ac:dyDescent="0.25">
      <c r="A4" s="7"/>
      <c r="B4" s="16" t="s">
        <v>191</v>
      </c>
      <c r="C4" s="16" t="s">
        <v>192</v>
      </c>
    </row>
    <row r="5" spans="1:6" x14ac:dyDescent="0.25">
      <c r="A5" t="s">
        <v>193</v>
      </c>
      <c r="B5" s="42">
        <v>3.6209999999999999E-2</v>
      </c>
      <c r="C5" s="42">
        <v>5.1330000000000001E-2</v>
      </c>
      <c r="E5" s="43"/>
      <c r="F5" s="43"/>
    </row>
    <row r="6" spans="1:6" x14ac:dyDescent="0.25">
      <c r="A6" t="s">
        <v>194</v>
      </c>
      <c r="B6" s="42">
        <v>6.234E-2</v>
      </c>
      <c r="C6" s="42">
        <v>9.5600000000000004E-2</v>
      </c>
      <c r="E6" s="43"/>
      <c r="F6" s="43"/>
    </row>
    <row r="7" spans="1:6" x14ac:dyDescent="0.25">
      <c r="A7" t="s">
        <v>195</v>
      </c>
      <c r="B7" s="42">
        <v>8.6749999999999994E-2</v>
      </c>
      <c r="C7" s="42">
        <v>0.11148</v>
      </c>
      <c r="E7" s="43"/>
      <c r="F7" s="43"/>
    </row>
    <row r="8" spans="1:6" x14ac:dyDescent="0.25">
      <c r="A8" t="s">
        <v>196</v>
      </c>
      <c r="B8" s="42">
        <v>7.8829999999999997E-2</v>
      </c>
      <c r="C8" s="42">
        <v>0.10921</v>
      </c>
      <c r="E8" s="43"/>
      <c r="F8" s="43"/>
    </row>
    <row r="9" spans="1:6" x14ac:dyDescent="0.25">
      <c r="A9" t="s">
        <v>197</v>
      </c>
      <c r="B9" s="42">
        <v>4.6469999999999997E-2</v>
      </c>
      <c r="C9" s="42">
        <v>7.5230000000000005E-2</v>
      </c>
      <c r="E9" s="43"/>
      <c r="F9" s="43"/>
    </row>
    <row r="10" spans="1:6" x14ac:dyDescent="0.25">
      <c r="A10" t="s">
        <v>198</v>
      </c>
      <c r="B10" s="42">
        <v>1.729E-2</v>
      </c>
      <c r="C10" s="42">
        <v>5.253E-2</v>
      </c>
      <c r="E10" s="43"/>
      <c r="F10" s="43"/>
    </row>
    <row r="11" spans="1:6" x14ac:dyDescent="0.25">
      <c r="A11" t="s">
        <v>199</v>
      </c>
      <c r="B11" s="42">
        <v>0.18092</v>
      </c>
      <c r="C11" s="42">
        <v>0.14613999999999999</v>
      </c>
      <c r="E11" s="43"/>
      <c r="F11" s="43"/>
    </row>
    <row r="12" spans="1:6" x14ac:dyDescent="0.25">
      <c r="A12" t="s">
        <v>200</v>
      </c>
      <c r="B12" s="42">
        <v>6.9330000000000003E-2</v>
      </c>
      <c r="C12" s="42">
        <v>9.9430000000000004E-2</v>
      </c>
      <c r="E12" s="43"/>
      <c r="F12" s="43"/>
    </row>
    <row r="13" spans="1:6" x14ac:dyDescent="0.25">
      <c r="A13" t="s">
        <v>201</v>
      </c>
      <c r="B13" s="42">
        <v>6.4860000000000001E-2</v>
      </c>
      <c r="C13" s="42">
        <v>0.10001</v>
      </c>
      <c r="E13" s="43"/>
      <c r="F13" s="43"/>
    </row>
    <row r="14" spans="1:6" x14ac:dyDescent="0.25">
      <c r="A14" t="s">
        <v>202</v>
      </c>
      <c r="B14" s="42">
        <v>7.1730000000000002E-2</v>
      </c>
      <c r="C14" s="42">
        <v>9.3939999999999996E-2</v>
      </c>
      <c r="E14" s="43"/>
      <c r="F14" s="43"/>
    </row>
    <row r="15" spans="1:6" x14ac:dyDescent="0.25">
      <c r="A15" t="s">
        <v>203</v>
      </c>
      <c r="B15" s="42">
        <v>0.11511</v>
      </c>
      <c r="C15" s="42">
        <v>0.12379</v>
      </c>
      <c r="E15" s="43"/>
      <c r="F15" s="43"/>
    </row>
    <row r="16" spans="1:6" x14ac:dyDescent="0.25">
      <c r="A16" t="s">
        <v>204</v>
      </c>
      <c r="B16" s="42">
        <v>7.3660000000000003E-2</v>
      </c>
      <c r="C16" s="42">
        <v>0.10057000000000001</v>
      </c>
      <c r="E16" s="43"/>
      <c r="F16" s="43"/>
    </row>
    <row r="17" spans="1:6" x14ac:dyDescent="0.25">
      <c r="A17" t="s">
        <v>205</v>
      </c>
      <c r="B17" s="42">
        <v>5.4129999999999998E-2</v>
      </c>
      <c r="C17" s="42">
        <v>9.4280000000000003E-2</v>
      </c>
      <c r="E17" s="43"/>
      <c r="F17" s="43"/>
    </row>
    <row r="18" spans="1:6" x14ac:dyDescent="0.25">
      <c r="A18" t="s">
        <v>206</v>
      </c>
      <c r="B18" s="42">
        <v>0.10687000000000001</v>
      </c>
      <c r="C18" s="42">
        <v>8.3699999999999997E-2</v>
      </c>
      <c r="E18" s="43"/>
      <c r="F18" s="43"/>
    </row>
    <row r="19" spans="1:6" x14ac:dyDescent="0.25">
      <c r="A19" t="s">
        <v>207</v>
      </c>
      <c r="B19" s="42">
        <v>3.9289999999999999E-2</v>
      </c>
      <c r="C19" s="42">
        <v>5.8500000000000003E-2</v>
      </c>
      <c r="E19" s="43"/>
      <c r="F19" s="43"/>
    </row>
    <row r="20" spans="1:6" x14ac:dyDescent="0.25">
      <c r="A20" t="s">
        <v>208</v>
      </c>
      <c r="B20" s="42">
        <v>6.3219999999999998E-2</v>
      </c>
      <c r="C20" s="42">
        <v>9.2170000000000002E-2</v>
      </c>
      <c r="E20" s="43"/>
      <c r="F20" s="43"/>
    </row>
    <row r="21" spans="1:6" x14ac:dyDescent="0.25">
      <c r="A21" t="s">
        <v>209</v>
      </c>
      <c r="B21" s="42">
        <v>0.10019</v>
      </c>
      <c r="C21" s="42">
        <v>0.13128999999999999</v>
      </c>
      <c r="E21" s="43"/>
      <c r="F21" s="43"/>
    </row>
    <row r="22" spans="1:6" x14ac:dyDescent="0.25">
      <c r="A22" t="s">
        <v>210</v>
      </c>
      <c r="B22" s="42">
        <v>5.2859999999999997E-2</v>
      </c>
      <c r="C22" s="42">
        <v>9.3240000000000003E-2</v>
      </c>
      <c r="E22" s="43"/>
      <c r="F22" s="43"/>
    </row>
    <row r="23" spans="1:6" x14ac:dyDescent="0.25">
      <c r="A23" t="s">
        <v>211</v>
      </c>
      <c r="B23" s="42">
        <v>7.2020000000000001E-2</v>
      </c>
      <c r="C23" s="42">
        <v>0.10939</v>
      </c>
      <c r="E23" s="43"/>
      <c r="F23" s="43"/>
    </row>
    <row r="24" spans="1:6" x14ac:dyDescent="0.25">
      <c r="A24" t="s">
        <v>212</v>
      </c>
      <c r="B24" s="42">
        <v>9.1009999999999994E-2</v>
      </c>
      <c r="C24" s="42">
        <v>0.11910999999999999</v>
      </c>
      <c r="E24" s="43"/>
      <c r="F24" s="43"/>
    </row>
    <row r="26" spans="1:6" x14ac:dyDescent="0.25">
      <c r="A26" t="s">
        <v>237</v>
      </c>
    </row>
  </sheetData>
  <pageMargins left="0.7" right="0.7" top="0.75" bottom="0.75" header="0.3" footer="0.3"/>
</worksheet>
</file>

<file path=xl/worksheets/sheet1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D60E322-D15D-4371-9209-FC7432FEB5E8}">
  <dimension ref="A1:E9"/>
  <sheetViews>
    <sheetView showGridLines="0" workbookViewId="0"/>
  </sheetViews>
  <sheetFormatPr defaultRowHeight="12.5" x14ac:dyDescent="0.25"/>
  <cols>
    <col min="1" max="1" width="19.26953125" customWidth="1"/>
    <col min="2" max="5" width="11.54296875" customWidth="1"/>
  </cols>
  <sheetData>
    <row r="1" spans="1:5" ht="13" x14ac:dyDescent="0.3">
      <c r="A1" s="1" t="s">
        <v>162</v>
      </c>
    </row>
    <row r="3" spans="1:5" ht="25" x14ac:dyDescent="0.25">
      <c r="A3" s="7"/>
      <c r="B3" s="40" t="s">
        <v>214</v>
      </c>
      <c r="C3" s="40" t="s">
        <v>215</v>
      </c>
      <c r="D3" s="40" t="s">
        <v>216</v>
      </c>
      <c r="E3" s="40" t="s">
        <v>217</v>
      </c>
    </row>
    <row r="4" spans="1:5" x14ac:dyDescent="0.25">
      <c r="A4" t="s">
        <v>218</v>
      </c>
      <c r="B4" s="38">
        <v>0.47600000000000003</v>
      </c>
      <c r="C4" s="38">
        <v>0.129</v>
      </c>
      <c r="D4" s="38">
        <v>0.32299999999999995</v>
      </c>
      <c r="E4" s="38">
        <v>0.17800000000000002</v>
      </c>
    </row>
    <row r="5" spans="1:5" x14ac:dyDescent="0.25">
      <c r="A5" t="s">
        <v>219</v>
      </c>
      <c r="B5" s="38">
        <v>0.58799999999999997</v>
      </c>
      <c r="C5" s="38">
        <v>0.33</v>
      </c>
      <c r="D5" s="38">
        <v>0.38600000000000001</v>
      </c>
      <c r="E5" s="38">
        <v>0.22800000000000001</v>
      </c>
    </row>
    <row r="6" spans="1:5" x14ac:dyDescent="0.25">
      <c r="A6" t="s">
        <v>220</v>
      </c>
      <c r="B6" s="38">
        <v>0.75900000000000001</v>
      </c>
      <c r="C6" s="38">
        <v>0.44700000000000001</v>
      </c>
      <c r="D6" s="38">
        <v>0.46500000000000002</v>
      </c>
      <c r="E6" s="38">
        <v>0.33299999999999996</v>
      </c>
    </row>
    <row r="7" spans="1:5" x14ac:dyDescent="0.25">
      <c r="A7" t="s">
        <v>221</v>
      </c>
      <c r="B7" s="38">
        <v>0.91299999999999992</v>
      </c>
      <c r="C7" s="38">
        <v>0.77400000000000002</v>
      </c>
      <c r="D7" s="38">
        <v>0.77599999999999991</v>
      </c>
      <c r="E7" s="38">
        <v>0.67500000000000004</v>
      </c>
    </row>
    <row r="9" spans="1:5" x14ac:dyDescent="0.25">
      <c r="A9" t="s">
        <v>236</v>
      </c>
    </row>
  </sheetData>
  <pageMargins left="0.7" right="0.7" top="0.75" bottom="0.75" header="0.3" footer="0.3"/>
</worksheet>
</file>

<file path=xl/worksheets/sheet1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D17C9CA-354F-4A83-B1FC-99668E3C9917}">
  <sheetPr codeName="Sheet14"/>
  <dimension ref="A1:K29"/>
  <sheetViews>
    <sheetView showGridLines="0" zoomScaleNormal="100" workbookViewId="0"/>
  </sheetViews>
  <sheetFormatPr defaultRowHeight="12.5" x14ac:dyDescent="0.25"/>
  <cols>
    <col min="1" max="1" width="25.7265625" customWidth="1"/>
    <col min="2" max="9" width="10.7265625" customWidth="1"/>
  </cols>
  <sheetData>
    <row r="1" spans="1:9" ht="15.5" x14ac:dyDescent="0.35">
      <c r="A1" s="1" t="s">
        <v>127</v>
      </c>
      <c r="B1" s="2"/>
    </row>
    <row r="2" spans="1:9" ht="15.5" x14ac:dyDescent="0.35">
      <c r="A2" s="1"/>
      <c r="B2" s="2"/>
    </row>
    <row r="3" spans="1:9" x14ac:dyDescent="0.25">
      <c r="A3" s="18"/>
      <c r="B3" s="7" t="s">
        <v>64</v>
      </c>
      <c r="C3" s="7"/>
      <c r="D3" s="7"/>
      <c r="E3" s="7"/>
      <c r="F3" s="7"/>
      <c r="G3" s="7"/>
      <c r="H3" s="7"/>
      <c r="I3" s="7"/>
    </row>
    <row r="4" spans="1:9" x14ac:dyDescent="0.25">
      <c r="A4" s="17" t="s">
        <v>37</v>
      </c>
      <c r="B4" s="7" t="s">
        <v>5</v>
      </c>
      <c r="C4" s="7" t="s">
        <v>6</v>
      </c>
      <c r="D4" s="7" t="s">
        <v>7</v>
      </c>
      <c r="E4" s="7" t="s">
        <v>10</v>
      </c>
      <c r="F4" s="7" t="s">
        <v>8</v>
      </c>
      <c r="G4" s="7" t="s">
        <v>9</v>
      </c>
      <c r="H4" s="7" t="s">
        <v>11</v>
      </c>
      <c r="I4" s="7" t="s">
        <v>12</v>
      </c>
    </row>
    <row r="5" spans="1:9" x14ac:dyDescent="0.25">
      <c r="A5" t="s">
        <v>13</v>
      </c>
      <c r="B5" s="19">
        <v>0</v>
      </c>
      <c r="C5" s="19">
        <v>0</v>
      </c>
      <c r="D5" s="19">
        <v>0</v>
      </c>
      <c r="E5" s="19">
        <v>0</v>
      </c>
      <c r="F5" s="19">
        <v>0</v>
      </c>
      <c r="G5" s="19">
        <v>0</v>
      </c>
      <c r="H5" s="19">
        <v>0</v>
      </c>
      <c r="I5" s="19">
        <v>0</v>
      </c>
    </row>
    <row r="6" spans="1:9" x14ac:dyDescent="0.25">
      <c r="A6" t="s">
        <v>14</v>
      </c>
      <c r="B6" s="19">
        <v>0</v>
      </c>
      <c r="C6" s="19">
        <v>0</v>
      </c>
      <c r="D6" s="19">
        <v>0</v>
      </c>
      <c r="E6" s="19">
        <v>0</v>
      </c>
      <c r="F6" s="19">
        <v>0.33</v>
      </c>
      <c r="G6" s="19">
        <v>0</v>
      </c>
      <c r="H6" s="19">
        <v>0</v>
      </c>
      <c r="I6" s="19">
        <v>0</v>
      </c>
    </row>
    <row r="7" spans="1:9" x14ac:dyDescent="0.25">
      <c r="A7" t="s">
        <v>15</v>
      </c>
      <c r="B7" s="19">
        <v>0</v>
      </c>
      <c r="C7" s="19">
        <v>0</v>
      </c>
      <c r="D7" s="19">
        <v>0</v>
      </c>
      <c r="E7" s="19">
        <v>0</v>
      </c>
      <c r="F7" s="19">
        <v>0.67</v>
      </c>
      <c r="G7" s="19">
        <v>0</v>
      </c>
      <c r="H7" s="19">
        <v>0</v>
      </c>
      <c r="I7" s="19">
        <v>0</v>
      </c>
    </row>
    <row r="8" spans="1:9" x14ac:dyDescent="0.25">
      <c r="A8" t="s">
        <v>16</v>
      </c>
      <c r="B8" s="19">
        <v>1.33</v>
      </c>
      <c r="C8" s="19">
        <v>1.33</v>
      </c>
      <c r="D8" s="19">
        <v>2</v>
      </c>
      <c r="E8" s="19">
        <v>1.33</v>
      </c>
      <c r="F8" s="19">
        <v>3.5</v>
      </c>
      <c r="G8" s="19">
        <v>1.83</v>
      </c>
      <c r="H8" s="19">
        <v>1.83</v>
      </c>
      <c r="I8" s="19">
        <v>2.33</v>
      </c>
    </row>
    <row r="9" spans="1:9" x14ac:dyDescent="0.25">
      <c r="A9" t="s">
        <v>17</v>
      </c>
      <c r="B9" s="19">
        <v>1.17</v>
      </c>
      <c r="C9" s="19">
        <v>1.33</v>
      </c>
      <c r="D9" s="19">
        <v>1.33</v>
      </c>
      <c r="E9" s="19">
        <v>0.67</v>
      </c>
      <c r="F9" s="19">
        <v>1.83</v>
      </c>
      <c r="G9" s="19">
        <v>0.67</v>
      </c>
      <c r="H9" s="19">
        <v>0.67</v>
      </c>
      <c r="I9" s="19">
        <v>1.33</v>
      </c>
    </row>
    <row r="10" spans="1:9" x14ac:dyDescent="0.25">
      <c r="A10" t="s">
        <v>18</v>
      </c>
      <c r="B10" s="19">
        <v>1.5</v>
      </c>
      <c r="C10" s="19">
        <v>1.5</v>
      </c>
      <c r="D10" s="19">
        <v>2.17</v>
      </c>
      <c r="E10" s="19">
        <v>2.17</v>
      </c>
      <c r="F10" s="19">
        <v>1.5</v>
      </c>
      <c r="G10" s="19">
        <v>1.5</v>
      </c>
      <c r="H10" s="19">
        <v>2.17</v>
      </c>
      <c r="I10" s="19">
        <v>1.5</v>
      </c>
    </row>
    <row r="11" spans="1:9" x14ac:dyDescent="0.25">
      <c r="A11" t="s">
        <v>19</v>
      </c>
      <c r="B11" s="19">
        <v>1.92</v>
      </c>
      <c r="C11" s="19">
        <v>0</v>
      </c>
      <c r="D11" s="19">
        <v>0</v>
      </c>
      <c r="E11" s="19">
        <v>0</v>
      </c>
      <c r="F11" s="19">
        <v>1.25</v>
      </c>
      <c r="G11" s="19">
        <v>0</v>
      </c>
      <c r="H11" s="19">
        <v>0</v>
      </c>
      <c r="I11" s="19">
        <v>0</v>
      </c>
    </row>
    <row r="12" spans="1:9" x14ac:dyDescent="0.25">
      <c r="A12" t="s">
        <v>20</v>
      </c>
      <c r="B12" s="19">
        <v>0.93</v>
      </c>
      <c r="C12" s="19">
        <v>1.17</v>
      </c>
      <c r="D12" s="19">
        <v>1.08</v>
      </c>
      <c r="E12" s="19">
        <v>0.17</v>
      </c>
      <c r="F12" s="19">
        <v>0.41</v>
      </c>
      <c r="G12" s="19">
        <v>0</v>
      </c>
      <c r="H12" s="19">
        <v>0</v>
      </c>
      <c r="I12" s="19">
        <v>0</v>
      </c>
    </row>
    <row r="13" spans="1:9" x14ac:dyDescent="0.25">
      <c r="A13" t="s">
        <v>21</v>
      </c>
      <c r="B13" s="19">
        <v>0.83</v>
      </c>
      <c r="C13" s="19">
        <v>1.92</v>
      </c>
      <c r="D13" s="19">
        <v>1.5</v>
      </c>
      <c r="E13" s="19">
        <v>0.83</v>
      </c>
      <c r="F13" s="19">
        <v>0.83</v>
      </c>
      <c r="G13" s="19">
        <v>0.83</v>
      </c>
      <c r="H13" s="19">
        <v>1.5</v>
      </c>
      <c r="I13" s="19">
        <v>0.83</v>
      </c>
    </row>
    <row r="14" spans="1:9" x14ac:dyDescent="0.25">
      <c r="A14" t="s">
        <v>22</v>
      </c>
      <c r="B14" s="19">
        <v>0.67</v>
      </c>
      <c r="C14" s="19">
        <v>1.92</v>
      </c>
      <c r="D14" s="19">
        <v>1.75</v>
      </c>
      <c r="E14" s="19">
        <v>0.57999999999999996</v>
      </c>
      <c r="F14" s="19">
        <v>0.83</v>
      </c>
      <c r="G14" s="19">
        <v>0.83</v>
      </c>
      <c r="H14" s="19">
        <v>1.25</v>
      </c>
      <c r="I14" s="19">
        <v>0.83</v>
      </c>
    </row>
    <row r="15" spans="1:9" x14ac:dyDescent="0.25">
      <c r="A15" t="s">
        <v>23</v>
      </c>
      <c r="B15" s="19">
        <v>0.83</v>
      </c>
      <c r="C15" s="19">
        <v>2.58</v>
      </c>
      <c r="D15" s="19">
        <v>1.5</v>
      </c>
      <c r="E15" s="19">
        <v>0.83</v>
      </c>
      <c r="F15" s="19">
        <v>0.83</v>
      </c>
      <c r="G15" s="19">
        <v>0.83</v>
      </c>
      <c r="H15" s="19">
        <v>1.5</v>
      </c>
      <c r="I15" s="19">
        <v>0.93</v>
      </c>
    </row>
    <row r="16" spans="1:9" x14ac:dyDescent="0.25">
      <c r="A16" t="s">
        <v>24</v>
      </c>
      <c r="B16" s="19">
        <v>0.71</v>
      </c>
      <c r="C16" s="19">
        <v>0.71</v>
      </c>
      <c r="D16" s="19">
        <v>0.71</v>
      </c>
      <c r="E16" s="19">
        <v>0.71</v>
      </c>
      <c r="F16" s="19">
        <v>0.71</v>
      </c>
      <c r="G16" s="19">
        <v>0.71</v>
      </c>
      <c r="H16" s="19">
        <v>0.71</v>
      </c>
      <c r="I16" s="19">
        <v>0.71</v>
      </c>
    </row>
    <row r="17" spans="1:11" x14ac:dyDescent="0.25">
      <c r="A17" t="s">
        <v>25</v>
      </c>
      <c r="B17" s="19">
        <v>0.67</v>
      </c>
      <c r="C17" s="19">
        <v>0.67</v>
      </c>
      <c r="D17" s="19">
        <v>0.67</v>
      </c>
      <c r="E17" s="19">
        <v>0.67</v>
      </c>
      <c r="F17" s="19">
        <v>0.67</v>
      </c>
      <c r="G17" s="19">
        <v>0.67</v>
      </c>
      <c r="H17" s="19">
        <v>0.67</v>
      </c>
      <c r="I17" s="19">
        <v>0.67</v>
      </c>
    </row>
    <row r="18" spans="1:11" x14ac:dyDescent="0.25">
      <c r="A18" t="s">
        <v>26</v>
      </c>
      <c r="B18" s="19">
        <v>0</v>
      </c>
      <c r="C18" s="19">
        <v>0</v>
      </c>
      <c r="D18" s="19">
        <v>0</v>
      </c>
      <c r="E18" s="19">
        <v>0</v>
      </c>
      <c r="F18" s="19">
        <v>0</v>
      </c>
      <c r="G18" s="19">
        <v>0</v>
      </c>
      <c r="H18" s="19">
        <v>0</v>
      </c>
      <c r="I18" s="19">
        <v>0</v>
      </c>
    </row>
    <row r="19" spans="1:11" x14ac:dyDescent="0.25">
      <c r="A19" t="s">
        <v>27</v>
      </c>
      <c r="B19" s="19">
        <v>0.71</v>
      </c>
      <c r="C19" s="19">
        <v>0.71</v>
      </c>
      <c r="D19" s="19">
        <v>1.04</v>
      </c>
      <c r="E19" s="19">
        <v>0.71</v>
      </c>
      <c r="F19" s="19">
        <v>0.71</v>
      </c>
      <c r="G19" s="19">
        <v>0.71</v>
      </c>
      <c r="H19" s="19">
        <v>0.71</v>
      </c>
      <c r="I19" s="19">
        <v>1.04</v>
      </c>
    </row>
    <row r="20" spans="1:11" x14ac:dyDescent="0.25">
      <c r="A20" t="s">
        <v>28</v>
      </c>
      <c r="B20" s="19">
        <v>0.93</v>
      </c>
      <c r="C20" s="19">
        <v>0.93</v>
      </c>
      <c r="D20" s="19">
        <v>1.4</v>
      </c>
      <c r="E20" s="19">
        <v>1.4</v>
      </c>
      <c r="F20" s="19">
        <v>0</v>
      </c>
      <c r="G20" s="19">
        <v>0.93</v>
      </c>
      <c r="H20" s="19">
        <v>0.93</v>
      </c>
      <c r="I20" s="19">
        <v>0</v>
      </c>
    </row>
    <row r="21" spans="1:11" x14ac:dyDescent="0.25">
      <c r="A21" t="s">
        <v>29</v>
      </c>
      <c r="B21" s="19">
        <v>1.25</v>
      </c>
      <c r="C21" s="19">
        <v>1.25</v>
      </c>
      <c r="D21" s="19">
        <v>1.25</v>
      </c>
      <c r="E21" s="19">
        <v>1.42</v>
      </c>
      <c r="F21" s="19">
        <v>1.33</v>
      </c>
      <c r="G21" s="19">
        <v>1.33</v>
      </c>
      <c r="H21" s="19">
        <v>1.33</v>
      </c>
      <c r="I21" s="19">
        <v>1.33</v>
      </c>
    </row>
    <row r="22" spans="1:11" x14ac:dyDescent="0.25">
      <c r="A22" t="s">
        <v>66</v>
      </c>
      <c r="B22" s="19">
        <v>1.75</v>
      </c>
      <c r="C22" s="19">
        <v>1.08</v>
      </c>
      <c r="D22" s="19">
        <v>1.92</v>
      </c>
      <c r="E22" s="19">
        <v>1.5</v>
      </c>
      <c r="F22" s="19">
        <v>1</v>
      </c>
      <c r="G22" s="19">
        <v>2.25</v>
      </c>
      <c r="H22" s="19">
        <v>1.75</v>
      </c>
      <c r="I22" s="19">
        <v>1.25</v>
      </c>
    </row>
    <row r="23" spans="1:11" x14ac:dyDescent="0.25">
      <c r="A23" t="s">
        <v>30</v>
      </c>
      <c r="B23" s="19">
        <v>2.17</v>
      </c>
      <c r="C23" s="19">
        <v>2.17</v>
      </c>
      <c r="D23" s="19">
        <v>2.17</v>
      </c>
      <c r="E23" s="19">
        <v>2.17</v>
      </c>
      <c r="F23" s="19">
        <v>2.17</v>
      </c>
      <c r="G23" s="19">
        <v>2.17</v>
      </c>
      <c r="H23" s="19">
        <v>2.17</v>
      </c>
      <c r="I23" s="19">
        <v>2.17</v>
      </c>
    </row>
    <row r="24" spans="1:11" x14ac:dyDescent="0.25">
      <c r="A24" t="s">
        <v>31</v>
      </c>
      <c r="B24" s="19">
        <v>2.17</v>
      </c>
      <c r="C24" s="19">
        <v>2.17</v>
      </c>
      <c r="D24" s="19">
        <v>2.17</v>
      </c>
      <c r="E24" s="19">
        <v>2.17</v>
      </c>
      <c r="F24" s="19">
        <v>2.17</v>
      </c>
      <c r="G24" s="19">
        <v>2.17</v>
      </c>
      <c r="H24" s="19">
        <v>2.17</v>
      </c>
      <c r="I24" s="19">
        <v>2.17</v>
      </c>
    </row>
    <row r="25" spans="1:11" x14ac:dyDescent="0.25">
      <c r="A25" t="s">
        <v>32</v>
      </c>
      <c r="B25" s="19">
        <v>2.08</v>
      </c>
      <c r="C25" s="19">
        <v>2.08</v>
      </c>
      <c r="D25" s="19">
        <v>1.42</v>
      </c>
      <c r="E25" s="19">
        <v>2.08</v>
      </c>
      <c r="F25" s="19">
        <v>2.08</v>
      </c>
      <c r="G25" s="19">
        <v>1.42</v>
      </c>
      <c r="H25" s="19">
        <v>1.42</v>
      </c>
      <c r="I25" s="19">
        <v>1.42</v>
      </c>
      <c r="K25" t="s">
        <v>39</v>
      </c>
    </row>
    <row r="26" spans="1:11" x14ac:dyDescent="0.25">
      <c r="A26" t="s">
        <v>131</v>
      </c>
      <c r="B26" s="19">
        <v>0.75</v>
      </c>
      <c r="C26" s="19">
        <v>0</v>
      </c>
      <c r="D26" s="19">
        <v>0</v>
      </c>
      <c r="E26" s="19">
        <v>0.25</v>
      </c>
      <c r="F26" s="19">
        <v>0</v>
      </c>
      <c r="G26" s="19">
        <v>0</v>
      </c>
      <c r="H26" s="19">
        <v>0</v>
      </c>
      <c r="I26" s="19">
        <v>0</v>
      </c>
    </row>
    <row r="27" spans="1:11" ht="14" x14ac:dyDescent="0.3">
      <c r="A27" s="5"/>
      <c r="B27" s="12"/>
      <c r="C27" s="12"/>
      <c r="D27" s="13"/>
      <c r="E27" s="14"/>
      <c r="F27" s="14"/>
      <c r="G27" s="15"/>
      <c r="H27" s="15"/>
      <c r="I27" s="15"/>
    </row>
    <row r="28" spans="1:11" ht="14" x14ac:dyDescent="0.3">
      <c r="A28" s="5" t="s">
        <v>73</v>
      </c>
      <c r="B28" s="6"/>
      <c r="C28" s="6"/>
      <c r="D28" s="4"/>
      <c r="E28" s="8"/>
      <c r="F28" s="8"/>
    </row>
    <row r="29" spans="1:11" ht="14" x14ac:dyDescent="0.3">
      <c r="A29" s="5"/>
      <c r="B29" s="6"/>
      <c r="C29" s="6"/>
      <c r="D29" s="4"/>
      <c r="E29" s="8"/>
      <c r="F29" s="8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1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6CD7B26-2B09-4D68-8E37-9E431BF946C0}">
  <sheetPr codeName="Sheet15"/>
  <dimension ref="A1:K28"/>
  <sheetViews>
    <sheetView showGridLines="0" zoomScaleNormal="100" workbookViewId="0"/>
  </sheetViews>
  <sheetFormatPr defaultRowHeight="12.5" x14ac:dyDescent="0.25"/>
  <cols>
    <col min="1" max="1" width="13.26953125" customWidth="1"/>
    <col min="2" max="2" width="14.7265625" customWidth="1"/>
    <col min="3" max="3" width="32.7265625" style="30" customWidth="1"/>
    <col min="4" max="4" width="19.7265625" customWidth="1"/>
    <col min="5" max="9" width="10.7265625" customWidth="1"/>
  </cols>
  <sheetData>
    <row r="1" spans="1:9" ht="15.5" x14ac:dyDescent="0.35">
      <c r="A1" s="1" t="s">
        <v>129</v>
      </c>
      <c r="B1" s="2"/>
    </row>
    <row r="2" spans="1:9" ht="15.5" x14ac:dyDescent="0.35">
      <c r="A2" s="1"/>
      <c r="B2" s="2"/>
    </row>
    <row r="3" spans="1:9" ht="25" x14ac:dyDescent="0.25">
      <c r="A3" s="7" t="s">
        <v>38</v>
      </c>
      <c r="B3" s="7" t="s">
        <v>132</v>
      </c>
      <c r="C3" s="16" t="s">
        <v>43</v>
      </c>
      <c r="D3" s="7" t="s">
        <v>133</v>
      </c>
    </row>
    <row r="4" spans="1:9" x14ac:dyDescent="0.25">
      <c r="A4" t="s">
        <v>5</v>
      </c>
      <c r="B4" t="s">
        <v>36</v>
      </c>
      <c r="C4" s="34">
        <v>2.7</v>
      </c>
      <c r="D4" s="19">
        <v>4.59</v>
      </c>
    </row>
    <row r="5" spans="1:9" x14ac:dyDescent="0.25">
      <c r="A5" t="s">
        <v>6</v>
      </c>
      <c r="B5" s="19" t="s">
        <v>35</v>
      </c>
      <c r="C5" s="34">
        <v>1.8</v>
      </c>
      <c r="D5" s="19">
        <v>4.59</v>
      </c>
      <c r="E5" s="19"/>
      <c r="F5" s="19"/>
      <c r="G5" s="19"/>
      <c r="H5" s="19"/>
      <c r="I5" s="19"/>
    </row>
    <row r="6" spans="1:9" x14ac:dyDescent="0.25">
      <c r="A6" t="s">
        <v>7</v>
      </c>
      <c r="B6" s="19" t="s">
        <v>35</v>
      </c>
      <c r="C6" s="34">
        <v>3.4</v>
      </c>
      <c r="D6" s="19">
        <v>4.66</v>
      </c>
      <c r="E6" s="19"/>
      <c r="F6" s="19"/>
      <c r="G6" s="19"/>
      <c r="H6" s="19"/>
      <c r="I6" s="19"/>
    </row>
    <row r="7" spans="1:9" x14ac:dyDescent="0.25">
      <c r="A7" t="s">
        <v>10</v>
      </c>
      <c r="B7" s="19" t="s">
        <v>35</v>
      </c>
      <c r="C7" s="34">
        <v>2.1</v>
      </c>
      <c r="D7" s="19">
        <v>4.59</v>
      </c>
      <c r="E7" s="19"/>
      <c r="F7" s="19"/>
      <c r="G7" s="19"/>
      <c r="H7" s="19"/>
      <c r="I7" s="19"/>
    </row>
    <row r="8" spans="1:9" x14ac:dyDescent="0.25">
      <c r="A8" t="s">
        <v>8</v>
      </c>
      <c r="B8" s="19" t="s">
        <v>36</v>
      </c>
      <c r="C8" s="34">
        <v>4.7</v>
      </c>
      <c r="D8" s="19">
        <v>4.62</v>
      </c>
      <c r="E8" s="19"/>
      <c r="F8" s="19"/>
      <c r="G8" s="19"/>
      <c r="H8" s="19"/>
      <c r="I8" s="19"/>
    </row>
    <row r="9" spans="1:9" x14ac:dyDescent="0.25">
      <c r="A9" t="s">
        <v>9</v>
      </c>
      <c r="B9" s="19" t="s">
        <v>35</v>
      </c>
      <c r="C9" s="34">
        <v>3.2</v>
      </c>
      <c r="D9" s="19">
        <v>4.63</v>
      </c>
      <c r="E9" s="19"/>
      <c r="F9" s="19"/>
      <c r="G9" s="19"/>
      <c r="H9" s="19"/>
      <c r="I9" s="19"/>
    </row>
    <row r="10" spans="1:9" x14ac:dyDescent="0.25">
      <c r="A10" t="s">
        <v>11</v>
      </c>
      <c r="B10" s="19" t="s">
        <v>35</v>
      </c>
      <c r="C10" s="34">
        <v>3.7</v>
      </c>
      <c r="D10" s="19">
        <v>4.58</v>
      </c>
      <c r="E10" s="19"/>
      <c r="F10" s="19"/>
      <c r="G10" s="19"/>
      <c r="H10" s="19"/>
      <c r="I10" s="19"/>
    </row>
    <row r="11" spans="1:9" x14ac:dyDescent="0.25">
      <c r="A11" t="s">
        <v>12</v>
      </c>
      <c r="B11" s="19" t="s">
        <v>35</v>
      </c>
      <c r="C11" s="34">
        <v>1</v>
      </c>
      <c r="D11" s="19">
        <v>4.63</v>
      </c>
      <c r="E11" s="19"/>
      <c r="F11" s="19"/>
      <c r="G11" s="19"/>
      <c r="H11" s="19"/>
      <c r="I11" s="19"/>
    </row>
    <row r="12" spans="1:9" x14ac:dyDescent="0.25">
      <c r="B12" s="19"/>
      <c r="C12" s="31"/>
      <c r="D12" s="19"/>
      <c r="E12" s="19"/>
      <c r="F12" s="19"/>
      <c r="G12" s="19"/>
      <c r="H12" s="19"/>
      <c r="I12" s="19"/>
    </row>
    <row r="13" spans="1:9" x14ac:dyDescent="0.25">
      <c r="A13" s="26" t="s">
        <v>228</v>
      </c>
      <c r="B13" s="19"/>
      <c r="C13" s="31"/>
      <c r="D13" s="19"/>
      <c r="E13" s="19"/>
      <c r="F13" s="19"/>
      <c r="G13" s="19"/>
      <c r="H13" s="19"/>
      <c r="I13" s="19"/>
    </row>
    <row r="14" spans="1:9" x14ac:dyDescent="0.25">
      <c r="B14" s="19"/>
      <c r="C14" s="31"/>
      <c r="D14" s="19"/>
      <c r="E14" s="19"/>
      <c r="F14" s="19"/>
      <c r="G14" s="19"/>
      <c r="H14" s="19"/>
      <c r="I14" s="19"/>
    </row>
    <row r="15" spans="1:9" x14ac:dyDescent="0.25">
      <c r="B15" s="19"/>
      <c r="C15" s="31"/>
      <c r="D15" s="19"/>
      <c r="E15" s="19"/>
      <c r="F15" s="19"/>
      <c r="G15" s="19"/>
      <c r="H15" s="19"/>
      <c r="I15" s="19"/>
    </row>
    <row r="16" spans="1:9" x14ac:dyDescent="0.25">
      <c r="B16" s="19"/>
      <c r="C16" s="31"/>
      <c r="D16" s="19"/>
      <c r="E16" s="19"/>
      <c r="F16" s="19"/>
      <c r="G16" s="19"/>
      <c r="H16" s="19"/>
      <c r="I16" s="19"/>
    </row>
    <row r="17" spans="1:11" x14ac:dyDescent="0.25">
      <c r="B17" s="19"/>
      <c r="C17" s="31"/>
      <c r="D17" s="19"/>
      <c r="E17" s="19"/>
      <c r="F17" s="19"/>
      <c r="G17" s="19"/>
      <c r="H17" s="19"/>
      <c r="I17" s="19"/>
    </row>
    <row r="18" spans="1:11" x14ac:dyDescent="0.25">
      <c r="B18" s="19"/>
      <c r="C18" s="31"/>
      <c r="D18" s="19"/>
      <c r="E18" s="19"/>
      <c r="F18" s="19"/>
      <c r="G18" s="19"/>
      <c r="H18" s="19"/>
      <c r="I18" s="19"/>
    </row>
    <row r="19" spans="1:11" x14ac:dyDescent="0.25">
      <c r="B19" s="19"/>
      <c r="C19" s="31"/>
      <c r="D19" s="19"/>
      <c r="E19" s="19"/>
      <c r="F19" s="19"/>
      <c r="G19" s="19"/>
      <c r="H19" s="19"/>
      <c r="I19" s="19"/>
    </row>
    <row r="20" spans="1:11" x14ac:dyDescent="0.25">
      <c r="B20" s="19"/>
      <c r="C20" s="31"/>
      <c r="D20" s="19"/>
      <c r="E20" s="19"/>
      <c r="F20" s="19"/>
      <c r="G20" s="19"/>
      <c r="H20" s="19"/>
      <c r="I20" s="19"/>
    </row>
    <row r="21" spans="1:11" x14ac:dyDescent="0.25">
      <c r="B21" s="19"/>
      <c r="C21" s="31"/>
      <c r="D21" s="19"/>
      <c r="E21" s="19"/>
      <c r="F21" s="19"/>
      <c r="G21" s="19"/>
      <c r="H21" s="19"/>
      <c r="I21" s="19"/>
    </row>
    <row r="22" spans="1:11" x14ac:dyDescent="0.25">
      <c r="B22" s="19"/>
      <c r="C22" s="31"/>
      <c r="D22" s="19"/>
      <c r="E22" s="19"/>
      <c r="F22" s="19"/>
      <c r="G22" s="19"/>
      <c r="H22" s="19"/>
      <c r="I22" s="19"/>
    </row>
    <row r="23" spans="1:11" x14ac:dyDescent="0.25">
      <c r="B23" s="19"/>
      <c r="C23" s="31"/>
      <c r="D23" s="19"/>
      <c r="E23" s="19"/>
      <c r="F23" s="19"/>
      <c r="G23" s="19"/>
      <c r="H23" s="19"/>
      <c r="I23" s="19"/>
    </row>
    <row r="24" spans="1:11" x14ac:dyDescent="0.25">
      <c r="B24" s="19"/>
      <c r="C24" s="31"/>
      <c r="D24" s="19"/>
      <c r="E24" s="19"/>
      <c r="F24" s="19"/>
      <c r="G24" s="19"/>
      <c r="H24" s="19"/>
      <c r="I24" s="19"/>
    </row>
    <row r="25" spans="1:11" x14ac:dyDescent="0.25">
      <c r="B25" s="19"/>
      <c r="C25" s="31"/>
      <c r="D25" s="19"/>
      <c r="E25" s="19"/>
      <c r="F25" s="19"/>
      <c r="G25" s="19"/>
      <c r="H25" s="19"/>
      <c r="I25" s="19"/>
      <c r="K25" t="s">
        <v>39</v>
      </c>
    </row>
    <row r="26" spans="1:11" ht="14" x14ac:dyDescent="0.3">
      <c r="A26" s="5"/>
      <c r="B26" s="12"/>
      <c r="C26" s="32"/>
      <c r="D26" s="13"/>
      <c r="E26" s="14"/>
      <c r="F26" s="14"/>
      <c r="G26" s="15"/>
      <c r="H26" s="15"/>
      <c r="I26" s="15"/>
    </row>
    <row r="27" spans="1:11" ht="14" x14ac:dyDescent="0.3">
      <c r="A27" s="5"/>
      <c r="B27" s="6"/>
      <c r="C27" s="33"/>
      <c r="D27" s="4"/>
      <c r="E27" s="8"/>
      <c r="F27" s="8"/>
    </row>
    <row r="28" spans="1:11" ht="14" x14ac:dyDescent="0.3">
      <c r="A28" s="5"/>
      <c r="B28" s="6"/>
      <c r="C28" s="33"/>
      <c r="D28" s="4"/>
      <c r="E28" s="8"/>
      <c r="F28" s="8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1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046A7FF-4338-49F1-99BE-98E41BA3DE9E}">
  <sheetPr codeName="Sheet16"/>
  <dimension ref="A1:D13"/>
  <sheetViews>
    <sheetView showGridLines="0" workbookViewId="0"/>
  </sheetViews>
  <sheetFormatPr defaultRowHeight="12.5" x14ac:dyDescent="0.25"/>
  <cols>
    <col min="2" max="2" width="14.26953125" bestFit="1" customWidth="1"/>
    <col min="3" max="3" width="28.7265625" customWidth="1"/>
    <col min="4" max="4" width="36.54296875" customWidth="1"/>
  </cols>
  <sheetData>
    <row r="1" spans="1:4" ht="13" x14ac:dyDescent="0.3">
      <c r="A1" s="1" t="s">
        <v>130</v>
      </c>
    </row>
    <row r="3" spans="1:4" ht="27.75" customHeight="1" x14ac:dyDescent="0.25">
      <c r="A3" s="7" t="s">
        <v>33</v>
      </c>
      <c r="B3" s="7" t="s">
        <v>38</v>
      </c>
      <c r="C3" s="16" t="s">
        <v>34</v>
      </c>
      <c r="D3" s="16" t="s">
        <v>63</v>
      </c>
    </row>
    <row r="4" spans="1:4" x14ac:dyDescent="0.25">
      <c r="A4" t="s">
        <v>35</v>
      </c>
      <c r="B4" t="s">
        <v>6</v>
      </c>
      <c r="C4">
        <v>0.28000000000000003</v>
      </c>
      <c r="D4">
        <v>6.7</v>
      </c>
    </row>
    <row r="5" spans="1:4" x14ac:dyDescent="0.25">
      <c r="A5" t="s">
        <v>35</v>
      </c>
      <c r="B5" t="s">
        <v>7</v>
      </c>
      <c r="C5">
        <v>0.69</v>
      </c>
      <c r="D5">
        <v>9.6</v>
      </c>
    </row>
    <row r="6" spans="1:4" x14ac:dyDescent="0.25">
      <c r="A6" t="s">
        <v>35</v>
      </c>
      <c r="B6" t="s">
        <v>8</v>
      </c>
      <c r="C6">
        <v>0.28000000000000003</v>
      </c>
      <c r="D6" s="35">
        <v>8</v>
      </c>
    </row>
    <row r="7" spans="1:4" x14ac:dyDescent="0.25">
      <c r="A7" t="s">
        <v>35</v>
      </c>
      <c r="B7" t="s">
        <v>9</v>
      </c>
      <c r="C7">
        <v>0.04</v>
      </c>
      <c r="D7">
        <v>9.5</v>
      </c>
    </row>
    <row r="8" spans="1:4" x14ac:dyDescent="0.25">
      <c r="A8" t="s">
        <v>35</v>
      </c>
      <c r="B8" t="s">
        <v>12</v>
      </c>
      <c r="C8">
        <v>0.14000000000000001</v>
      </c>
      <c r="D8">
        <v>8.3000000000000007</v>
      </c>
    </row>
    <row r="9" spans="1:4" x14ac:dyDescent="0.25">
      <c r="A9" t="s">
        <v>36</v>
      </c>
      <c r="B9" t="s">
        <v>5</v>
      </c>
      <c r="C9">
        <v>0.33</v>
      </c>
      <c r="D9">
        <v>9.1999999999999993</v>
      </c>
    </row>
    <row r="10" spans="1:4" x14ac:dyDescent="0.25">
      <c r="A10" t="s">
        <v>36</v>
      </c>
      <c r="B10" t="s">
        <v>10</v>
      </c>
      <c r="C10">
        <v>0.56999999999999995</v>
      </c>
      <c r="D10">
        <v>11.4</v>
      </c>
    </row>
    <row r="11" spans="1:4" x14ac:dyDescent="0.25">
      <c r="A11" t="s">
        <v>36</v>
      </c>
      <c r="B11" t="s">
        <v>11</v>
      </c>
      <c r="C11">
        <v>0.33</v>
      </c>
      <c r="D11">
        <v>10.1</v>
      </c>
    </row>
    <row r="13" spans="1:4" x14ac:dyDescent="0.25">
      <c r="A13" t="s">
        <v>227</v>
      </c>
    </row>
  </sheetData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103277C-7EA0-4C9D-B7FB-0186E4D75225}">
  <sheetPr codeName="Sheet2">
    <tabColor theme="2" tint="0.79998168889431442"/>
  </sheetPr>
  <dimension ref="A1:C25"/>
  <sheetViews>
    <sheetView showGridLines="0" zoomScale="115" zoomScaleNormal="115" workbookViewId="0">
      <selection activeCell="A5" sqref="A5"/>
    </sheetView>
  </sheetViews>
  <sheetFormatPr defaultRowHeight="12.5" x14ac:dyDescent="0.25"/>
  <cols>
    <col min="1" max="1" width="24.54296875" bestFit="1" customWidth="1"/>
    <col min="2" max="2" width="110.26953125" customWidth="1"/>
  </cols>
  <sheetData>
    <row r="1" spans="1:3" ht="15.5" x14ac:dyDescent="0.35">
      <c r="A1" s="2" t="s">
        <v>3</v>
      </c>
    </row>
    <row r="2" spans="1:3" ht="13" x14ac:dyDescent="0.3">
      <c r="A2" s="9"/>
      <c r="B2" s="9"/>
      <c r="C2" s="9"/>
    </row>
    <row r="4" spans="1:3" ht="13" x14ac:dyDescent="0.3">
      <c r="A4" s="10" t="s">
        <v>67</v>
      </c>
      <c r="B4" s="10" t="s">
        <v>4</v>
      </c>
    </row>
    <row r="5" spans="1:3" x14ac:dyDescent="0.25">
      <c r="A5" s="20" t="s">
        <v>58</v>
      </c>
      <c r="B5" t="s">
        <v>88</v>
      </c>
    </row>
    <row r="6" spans="1:3" x14ac:dyDescent="0.25">
      <c r="A6" s="11" t="s">
        <v>76</v>
      </c>
      <c r="B6" t="s">
        <v>69</v>
      </c>
    </row>
    <row r="7" spans="1:3" x14ac:dyDescent="0.25">
      <c r="A7" s="11" t="s">
        <v>77</v>
      </c>
      <c r="B7" t="s">
        <v>70</v>
      </c>
    </row>
    <row r="8" spans="1:3" x14ac:dyDescent="0.25">
      <c r="A8" s="11" t="s">
        <v>78</v>
      </c>
      <c r="B8" t="s">
        <v>71</v>
      </c>
    </row>
    <row r="9" spans="1:3" x14ac:dyDescent="0.25">
      <c r="A9" s="11" t="s">
        <v>79</v>
      </c>
      <c r="B9" t="s">
        <v>59</v>
      </c>
    </row>
    <row r="10" spans="1:3" x14ac:dyDescent="0.25">
      <c r="A10" s="11" t="s">
        <v>120</v>
      </c>
      <c r="B10" t="s">
        <v>123</v>
      </c>
    </row>
    <row r="11" spans="1:3" x14ac:dyDescent="0.25">
      <c r="A11" s="11" t="s">
        <v>72</v>
      </c>
      <c r="B11" t="s">
        <v>124</v>
      </c>
    </row>
    <row r="12" spans="1:3" x14ac:dyDescent="0.25">
      <c r="A12" s="11" t="s">
        <v>121</v>
      </c>
      <c r="B12" t="s">
        <v>125</v>
      </c>
    </row>
    <row r="13" spans="1:3" x14ac:dyDescent="0.25">
      <c r="A13" s="11" t="s">
        <v>153</v>
      </c>
      <c r="B13" t="s">
        <v>156</v>
      </c>
    </row>
    <row r="14" spans="1:3" x14ac:dyDescent="0.25">
      <c r="A14" s="11" t="s">
        <v>154</v>
      </c>
      <c r="B14" t="s">
        <v>156</v>
      </c>
    </row>
    <row r="15" spans="1:3" x14ac:dyDescent="0.25">
      <c r="A15" s="11" t="s">
        <v>222</v>
      </c>
      <c r="B15" s="30" t="s">
        <v>155</v>
      </c>
    </row>
    <row r="16" spans="1:3" x14ac:dyDescent="0.25">
      <c r="A16" s="11" t="s">
        <v>223</v>
      </c>
      <c r="B16" s="30" t="s">
        <v>155</v>
      </c>
    </row>
    <row r="17" spans="1:2" x14ac:dyDescent="0.25">
      <c r="A17" s="11" t="s">
        <v>157</v>
      </c>
      <c r="B17" s="30" t="s">
        <v>158</v>
      </c>
    </row>
    <row r="18" spans="1:2" x14ac:dyDescent="0.25">
      <c r="A18" s="11" t="s">
        <v>159</v>
      </c>
      <c r="B18" s="30" t="s">
        <v>160</v>
      </c>
    </row>
    <row r="19" spans="1:2" x14ac:dyDescent="0.25">
      <c r="A19" s="11" t="s">
        <v>128</v>
      </c>
      <c r="B19" t="s">
        <v>40</v>
      </c>
    </row>
    <row r="20" spans="1:2" x14ac:dyDescent="0.25">
      <c r="A20" s="11" t="s">
        <v>139</v>
      </c>
      <c r="B20" t="s">
        <v>143</v>
      </c>
    </row>
    <row r="21" spans="1:2" x14ac:dyDescent="0.25">
      <c r="A21" s="11" t="s">
        <v>140</v>
      </c>
      <c r="B21" t="s">
        <v>42</v>
      </c>
    </row>
    <row r="22" spans="1:2" x14ac:dyDescent="0.25">
      <c r="A22" s="20" t="s">
        <v>41</v>
      </c>
      <c r="B22" t="s">
        <v>60</v>
      </c>
    </row>
    <row r="23" spans="1:2" x14ac:dyDescent="0.25">
      <c r="A23" s="20" t="s">
        <v>141</v>
      </c>
      <c r="B23" t="s">
        <v>144</v>
      </c>
    </row>
    <row r="24" spans="1:2" x14ac:dyDescent="0.25">
      <c r="A24" s="20" t="s">
        <v>142</v>
      </c>
      <c r="B24" t="s">
        <v>145</v>
      </c>
    </row>
    <row r="25" spans="1:2" x14ac:dyDescent="0.25">
      <c r="A25" s="20" t="s">
        <v>122</v>
      </c>
      <c r="B25" t="s">
        <v>126</v>
      </c>
    </row>
  </sheetData>
  <hyperlinks>
    <hyperlink ref="A19" location="'Figure 4.2'!A1" display="Figure 4.2" xr:uid="{E33B56BB-5086-4A8D-9DA4-C554C0E7C793}"/>
    <hyperlink ref="A21" location="'Box 4.6'!A1" display="Box 4.6" xr:uid="{7FEC3F9D-F02A-4109-A1D7-93358F57FAB2}"/>
    <hyperlink ref="A22" location="'Figure B.1'!A1" display="Figure B.1" xr:uid="{39C1F7D0-EE15-47C8-8B5E-9B4473D5B9B9}"/>
    <hyperlink ref="A6" location="'Figure 1.3 (panel a)'!A1" display="Figure 1.3 (panel a)" xr:uid="{67757220-0D88-4CDC-B204-B9AE92AD5989}"/>
    <hyperlink ref="A7" location="'Figure 1.3 (panel b)'!A1" display="Figure 1.3 (panel b)" xr:uid="{A15A4D7A-C375-4EB1-B2C0-0B59D80A56BC}"/>
    <hyperlink ref="A8" location="'Figure 1.3 (panel c)'!A1" display="Figure 1.3 (panel c)" xr:uid="{E8D0F722-C7CF-4407-B66D-1FD7EC0FC893}"/>
    <hyperlink ref="A9" location="'Figure 1.4'!A1" display="Figure 1.4" xr:uid="{50B4ECD2-E96B-47CB-AE5E-CFA6B9EC1B3D}"/>
    <hyperlink ref="A5" location="'Figure 1.2'!A1" display="Figure 1.2" xr:uid="{70F79C21-48C3-4D85-893B-E6BDBEBDF931}"/>
    <hyperlink ref="A10" location="'Figure 2.2'!A1" display="Figure 2.2" xr:uid="{6F77C2FB-D332-4C2C-88B0-9358933A50FE}"/>
    <hyperlink ref="A11" location="'Figure 2.4'!A1" display="Figure 2.4" xr:uid="{09354E2E-9FD5-4383-94D3-9F590DF97F1E}"/>
    <hyperlink ref="A12" location="'Box 2.2'!A1" display="Box 2.2" xr:uid="{26E19696-E18D-4A9B-97FD-819FEFAA929F}"/>
    <hyperlink ref="A25" location="'Figure C.2'!A1" display="Figure C.2" xr:uid="{C3F5AA2E-D517-46EE-9FD6-9C6AC815BD5B}"/>
    <hyperlink ref="A20" location="'Figure 4.3'!A1" display="Figure 4.3" xr:uid="{255445E8-2196-4A33-AEB7-047C09215C7E}"/>
    <hyperlink ref="A23" location="'Figure B.2'!A1" display="Figure B.2" xr:uid="{6BA24088-20E4-4EE5-93CC-E6269FC66191}"/>
    <hyperlink ref="A24" location="'Figure B.3'!A1" display="Figure B.3" xr:uid="{863266E3-1D1B-48BE-B101-7B2C10AE891C}"/>
    <hyperlink ref="A17" location="'Figure 3.4'!A1" display="Figure 3.4" xr:uid="{D0B57BDA-B179-462A-BF50-E2DD06E948F5}"/>
    <hyperlink ref="A18" location="'Figure 3.8'!A1" display="Figure 3.8" xr:uid="{60952DD5-0078-437C-8D93-ED96AC886D9D}"/>
    <hyperlink ref="A13" location="'Figure 3.1 (panel a)'!A1" display="Figure 3.1 (panel a)" xr:uid="{A95FE8CC-DD44-4256-82FD-653827A1DD42}"/>
    <hyperlink ref="A14" location="'Figure 3.1 (panel b)'!A1" display="Figure 3.1 (panel b)" xr:uid="{AEDBE710-9F13-43A0-8EB0-35B1D0E71408}"/>
    <hyperlink ref="A15" location="'Figure 3.2 (panel a)'!A1" display="Figure 3.2 (panel a)" xr:uid="{D1464FB4-6D75-4917-9E30-6F47DCAA8A05}"/>
    <hyperlink ref="A16" location="'Figure 3.2 (panel b)'!A1" display="Figure 3.2 (panel b)" xr:uid="{6A603BF0-19B5-4589-B0C8-1A3723032411}"/>
  </hyperlinks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2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B178D06-3691-4D92-B930-3A242256C758}">
  <sheetPr codeName="Sheet17"/>
  <dimension ref="A1:C10"/>
  <sheetViews>
    <sheetView showGridLines="0" workbookViewId="0"/>
  </sheetViews>
  <sheetFormatPr defaultRowHeight="12.5" x14ac:dyDescent="0.25"/>
  <cols>
    <col min="1" max="1" width="11" customWidth="1"/>
    <col min="2" max="2" width="12.26953125" customWidth="1"/>
    <col min="3" max="3" width="15.7265625" customWidth="1"/>
  </cols>
  <sheetData>
    <row r="1" spans="1:3" ht="13" x14ac:dyDescent="0.3">
      <c r="A1" s="1" t="s">
        <v>65</v>
      </c>
    </row>
    <row r="3" spans="1:3" x14ac:dyDescent="0.25">
      <c r="A3" s="7" t="s">
        <v>38</v>
      </c>
      <c r="B3" s="7" t="s">
        <v>62</v>
      </c>
      <c r="C3" s="7" t="s">
        <v>61</v>
      </c>
    </row>
    <row r="4" spans="1:3" x14ac:dyDescent="0.25">
      <c r="A4" t="s">
        <v>5</v>
      </c>
      <c r="B4">
        <v>1.66</v>
      </c>
      <c r="C4" t="s">
        <v>36</v>
      </c>
    </row>
    <row r="5" spans="1:3" x14ac:dyDescent="0.25">
      <c r="A5" t="s">
        <v>6</v>
      </c>
      <c r="B5">
        <v>1.1299999999999999</v>
      </c>
      <c r="C5" t="s">
        <v>35</v>
      </c>
    </row>
    <row r="6" spans="1:3" x14ac:dyDescent="0.25">
      <c r="A6" t="s">
        <v>7</v>
      </c>
      <c r="B6">
        <v>1.04</v>
      </c>
      <c r="C6" t="s">
        <v>35</v>
      </c>
    </row>
    <row r="7" spans="1:3" x14ac:dyDescent="0.25">
      <c r="A7" t="s">
        <v>10</v>
      </c>
      <c r="B7">
        <v>0.99</v>
      </c>
      <c r="C7" t="s">
        <v>35</v>
      </c>
    </row>
    <row r="8" spans="1:3" x14ac:dyDescent="0.25">
      <c r="A8" t="s">
        <v>8</v>
      </c>
      <c r="B8">
        <v>1.28</v>
      </c>
      <c r="C8" t="s">
        <v>36</v>
      </c>
    </row>
    <row r="10" spans="1:3" x14ac:dyDescent="0.25">
      <c r="A10" t="s">
        <v>229</v>
      </c>
    </row>
  </sheetData>
  <pageMargins left="0.7" right="0.7" top="0.75" bottom="0.75" header="0.3" footer="0.3"/>
  <pageSetup paperSize="9" orientation="portrait" r:id="rId1"/>
</worksheet>
</file>

<file path=xl/worksheets/sheet2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52EEF7E-E9F2-426E-86A0-1FB3705B5E70}">
  <sheetPr codeName="Sheet18"/>
  <dimension ref="A1:D13"/>
  <sheetViews>
    <sheetView showGridLines="0" workbookViewId="0"/>
  </sheetViews>
  <sheetFormatPr defaultRowHeight="12.5" x14ac:dyDescent="0.25"/>
  <cols>
    <col min="1" max="1" width="11" customWidth="1"/>
    <col min="2" max="2" width="12.26953125" customWidth="1"/>
    <col min="3" max="3" width="27.54296875" customWidth="1"/>
    <col min="4" max="4" width="20.81640625" customWidth="1"/>
  </cols>
  <sheetData>
    <row r="1" spans="1:4" ht="13" x14ac:dyDescent="0.3">
      <c r="A1" s="1" t="s">
        <v>134</v>
      </c>
    </row>
    <row r="3" spans="1:4" ht="25" x14ac:dyDescent="0.25">
      <c r="A3" s="7" t="s">
        <v>38</v>
      </c>
      <c r="B3" s="7" t="s">
        <v>33</v>
      </c>
      <c r="C3" s="16" t="s">
        <v>43</v>
      </c>
      <c r="D3" s="7" t="s">
        <v>133</v>
      </c>
    </row>
    <row r="4" spans="1:4" x14ac:dyDescent="0.25">
      <c r="A4" t="s">
        <v>5</v>
      </c>
      <c r="B4" t="s">
        <v>36</v>
      </c>
      <c r="C4" s="34">
        <v>6.6</v>
      </c>
      <c r="D4" s="19">
        <v>4.95</v>
      </c>
    </row>
    <row r="5" spans="1:4" x14ac:dyDescent="0.25">
      <c r="A5" t="s">
        <v>6</v>
      </c>
      <c r="B5" t="s">
        <v>36</v>
      </c>
      <c r="C5" s="34">
        <v>6.5</v>
      </c>
      <c r="D5" s="19">
        <v>4.97</v>
      </c>
    </row>
    <row r="6" spans="1:4" x14ac:dyDescent="0.25">
      <c r="A6" t="s">
        <v>7</v>
      </c>
      <c r="B6" t="s">
        <v>36</v>
      </c>
      <c r="C6" s="34">
        <v>11.3</v>
      </c>
      <c r="D6" s="19">
        <v>4.8899999999999997</v>
      </c>
    </row>
    <row r="7" spans="1:4" x14ac:dyDescent="0.25">
      <c r="A7" t="s">
        <v>10</v>
      </c>
      <c r="B7" t="s">
        <v>36</v>
      </c>
      <c r="C7" s="34">
        <v>8</v>
      </c>
      <c r="D7" s="19">
        <v>4.91</v>
      </c>
    </row>
    <row r="8" spans="1:4" x14ac:dyDescent="0.25">
      <c r="A8" t="s">
        <v>8</v>
      </c>
      <c r="B8" t="s">
        <v>36</v>
      </c>
      <c r="C8" s="34">
        <v>9.5</v>
      </c>
      <c r="D8" s="19">
        <v>4.96</v>
      </c>
    </row>
    <row r="9" spans="1:4" x14ac:dyDescent="0.25">
      <c r="A9" t="s">
        <v>9</v>
      </c>
      <c r="B9" s="19" t="s">
        <v>35</v>
      </c>
      <c r="C9" s="34">
        <v>7.2</v>
      </c>
      <c r="D9" s="19">
        <v>4.87</v>
      </c>
    </row>
    <row r="10" spans="1:4" x14ac:dyDescent="0.25">
      <c r="A10" t="s">
        <v>11</v>
      </c>
      <c r="B10" s="19" t="s">
        <v>35</v>
      </c>
      <c r="C10" s="34">
        <v>6</v>
      </c>
      <c r="D10" s="19">
        <v>4.8</v>
      </c>
    </row>
    <row r="11" spans="1:4" x14ac:dyDescent="0.25">
      <c r="A11" t="s">
        <v>12</v>
      </c>
      <c r="B11" s="19" t="s">
        <v>35</v>
      </c>
      <c r="C11" s="34">
        <v>7.2</v>
      </c>
      <c r="D11" s="19">
        <v>4.8899999999999997</v>
      </c>
    </row>
    <row r="12" spans="1:4" x14ac:dyDescent="0.25">
      <c r="B12" s="19"/>
      <c r="C12" s="31"/>
      <c r="D12" s="19"/>
    </row>
    <row r="13" spans="1:4" x14ac:dyDescent="0.25">
      <c r="A13" s="26" t="s">
        <v>228</v>
      </c>
      <c r="B13" s="19"/>
      <c r="C13" s="31"/>
      <c r="D13" s="19"/>
    </row>
  </sheetData>
  <pageMargins left="0.7" right="0.7" top="0.75" bottom="0.75" header="0.3" footer="0.3"/>
  <pageSetup paperSize="9" orientation="portrait" r:id="rId1"/>
</worksheet>
</file>

<file path=xl/worksheets/sheet2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913F9D7-3A91-4F1C-A79D-E28BEA88DCE6}">
  <sheetPr codeName="Sheet19"/>
  <dimension ref="A1:D13"/>
  <sheetViews>
    <sheetView showGridLines="0" workbookViewId="0"/>
  </sheetViews>
  <sheetFormatPr defaultRowHeight="12.5" x14ac:dyDescent="0.25"/>
  <cols>
    <col min="1" max="1" width="11" customWidth="1"/>
    <col min="2" max="2" width="16.54296875" customWidth="1"/>
    <col min="3" max="3" width="28" customWidth="1"/>
    <col min="4" max="4" width="19.7265625" customWidth="1"/>
  </cols>
  <sheetData>
    <row r="1" spans="1:4" ht="13" x14ac:dyDescent="0.3">
      <c r="A1" s="1" t="s">
        <v>135</v>
      </c>
    </row>
    <row r="3" spans="1:4" ht="25" x14ac:dyDescent="0.25">
      <c r="A3" s="7" t="s">
        <v>38</v>
      </c>
      <c r="B3" s="16" t="s">
        <v>136</v>
      </c>
      <c r="C3" s="16" t="s">
        <v>43</v>
      </c>
      <c r="D3" s="7" t="s">
        <v>133</v>
      </c>
    </row>
    <row r="4" spans="1:4" x14ac:dyDescent="0.25">
      <c r="A4" t="s">
        <v>5</v>
      </c>
      <c r="B4" t="s">
        <v>35</v>
      </c>
      <c r="C4" s="34">
        <v>8.5</v>
      </c>
      <c r="D4" s="19">
        <v>4.8</v>
      </c>
    </row>
    <row r="5" spans="1:4" x14ac:dyDescent="0.25">
      <c r="A5" t="s">
        <v>6</v>
      </c>
      <c r="B5" t="s">
        <v>36</v>
      </c>
      <c r="C5" s="34">
        <v>5.0999999999999996</v>
      </c>
      <c r="D5" s="19">
        <v>4.72</v>
      </c>
    </row>
    <row r="6" spans="1:4" x14ac:dyDescent="0.25">
      <c r="A6" t="s">
        <v>7</v>
      </c>
      <c r="B6" t="s">
        <v>36</v>
      </c>
      <c r="C6" s="34">
        <v>8.4</v>
      </c>
      <c r="D6" s="19">
        <v>4.8099999999999996</v>
      </c>
    </row>
    <row r="7" spans="1:4" x14ac:dyDescent="0.25">
      <c r="A7" t="s">
        <v>10</v>
      </c>
      <c r="B7" t="s">
        <v>36</v>
      </c>
      <c r="C7" s="34">
        <v>8.1999999999999993</v>
      </c>
      <c r="D7" s="19">
        <v>4.71</v>
      </c>
    </row>
    <row r="8" spans="1:4" x14ac:dyDescent="0.25">
      <c r="A8" t="s">
        <v>8</v>
      </c>
      <c r="B8" t="s">
        <v>36</v>
      </c>
      <c r="C8" s="34">
        <v>5.7</v>
      </c>
      <c r="D8" s="19">
        <v>4.72</v>
      </c>
    </row>
    <row r="9" spans="1:4" x14ac:dyDescent="0.25">
      <c r="A9" t="s">
        <v>9</v>
      </c>
      <c r="B9" t="s">
        <v>36</v>
      </c>
      <c r="C9" s="34">
        <v>10.8</v>
      </c>
      <c r="D9" s="19">
        <v>4.38</v>
      </c>
    </row>
    <row r="10" spans="1:4" x14ac:dyDescent="0.25">
      <c r="A10" t="s">
        <v>11</v>
      </c>
      <c r="B10" t="s">
        <v>36</v>
      </c>
      <c r="C10" s="34">
        <v>10.1</v>
      </c>
      <c r="D10" s="19">
        <v>4.8099999999999996</v>
      </c>
    </row>
    <row r="11" spans="1:4" x14ac:dyDescent="0.25">
      <c r="A11" t="s">
        <v>12</v>
      </c>
      <c r="B11" t="s">
        <v>36</v>
      </c>
      <c r="C11" s="34">
        <v>6.1</v>
      </c>
      <c r="D11" s="19">
        <v>4.8099999999999996</v>
      </c>
    </row>
    <row r="12" spans="1:4" x14ac:dyDescent="0.25">
      <c r="B12" s="19"/>
      <c r="C12" s="31"/>
      <c r="D12" s="19"/>
    </row>
    <row r="13" spans="1:4" x14ac:dyDescent="0.25">
      <c r="A13" s="26" t="s">
        <v>228</v>
      </c>
      <c r="B13" s="19"/>
      <c r="C13" s="31"/>
      <c r="D13" s="19"/>
    </row>
  </sheetData>
  <pageMargins left="0.7" right="0.7" top="0.75" bottom="0.75" header="0.3" footer="0.3"/>
  <pageSetup paperSize="9" orientation="portrait" r:id="rId1"/>
</worksheet>
</file>

<file path=xl/worksheets/sheet2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E23B9B2-6FC6-4C90-8A31-95C7EFFD6542}">
  <sheetPr codeName="Sheet21"/>
  <dimension ref="A1:D10"/>
  <sheetViews>
    <sheetView showGridLines="0" workbookViewId="0"/>
  </sheetViews>
  <sheetFormatPr defaultRowHeight="12.5" x14ac:dyDescent="0.25"/>
  <cols>
    <col min="1" max="1" width="34.26953125" customWidth="1"/>
    <col min="2" max="2" width="23.453125" customWidth="1"/>
  </cols>
  <sheetData>
    <row r="1" spans="1:4" ht="13" x14ac:dyDescent="0.3">
      <c r="A1" s="1" t="s">
        <v>163</v>
      </c>
    </row>
    <row r="3" spans="1:4" x14ac:dyDescent="0.25">
      <c r="A3" s="7" t="s">
        <v>137</v>
      </c>
      <c r="B3" s="7" t="s">
        <v>138</v>
      </c>
    </row>
    <row r="4" spans="1:4" x14ac:dyDescent="0.25">
      <c r="A4" t="s">
        <v>104</v>
      </c>
      <c r="B4" s="36">
        <v>0.13200000000000001</v>
      </c>
      <c r="D4" s="36"/>
    </row>
    <row r="5" spans="1:4" x14ac:dyDescent="0.25">
      <c r="A5" t="s">
        <v>105</v>
      </c>
      <c r="B5" s="36">
        <v>0.25700000000000001</v>
      </c>
      <c r="D5" s="36"/>
    </row>
    <row r="6" spans="1:4" x14ac:dyDescent="0.25">
      <c r="A6" t="s">
        <v>106</v>
      </c>
      <c r="B6" s="36">
        <v>0.161</v>
      </c>
      <c r="D6" s="36"/>
    </row>
    <row r="7" spans="1:4" x14ac:dyDescent="0.25">
      <c r="A7" t="s">
        <v>107</v>
      </c>
      <c r="B7" s="36">
        <v>0.1027</v>
      </c>
      <c r="D7" s="36"/>
    </row>
    <row r="8" spans="1:4" x14ac:dyDescent="0.25">
      <c r="A8" t="s">
        <v>108</v>
      </c>
      <c r="B8" s="36">
        <v>0.1638</v>
      </c>
      <c r="D8" s="36"/>
    </row>
    <row r="10" spans="1:4" x14ac:dyDescent="0.25">
      <c r="A10" t="s">
        <v>110</v>
      </c>
    </row>
  </sheetData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9A6055-6A73-4F69-9826-B95E1AB28FD6}">
  <sheetPr codeName="Sheet3"/>
  <dimension ref="A1:C9"/>
  <sheetViews>
    <sheetView showGridLines="0" workbookViewId="0"/>
  </sheetViews>
  <sheetFormatPr defaultRowHeight="12.5" x14ac:dyDescent="0.25"/>
  <cols>
    <col min="1" max="1" width="21.26953125" customWidth="1"/>
    <col min="2" max="2" width="10.7265625" customWidth="1"/>
    <col min="3" max="3" width="14.81640625" customWidth="1"/>
  </cols>
  <sheetData>
    <row r="1" spans="1:3" ht="13" x14ac:dyDescent="0.3">
      <c r="A1" s="1" t="s">
        <v>80</v>
      </c>
    </row>
    <row r="3" spans="1:3" x14ac:dyDescent="0.25">
      <c r="A3" s="7"/>
      <c r="B3" s="7" t="s">
        <v>81</v>
      </c>
      <c r="C3" s="7" t="s">
        <v>82</v>
      </c>
    </row>
    <row r="4" spans="1:3" x14ac:dyDescent="0.25">
      <c r="A4" t="s">
        <v>83</v>
      </c>
      <c r="B4" s="29">
        <v>0.34</v>
      </c>
      <c r="C4" s="29">
        <v>0.28000000000000003</v>
      </c>
    </row>
    <row r="5" spans="1:3" x14ac:dyDescent="0.25">
      <c r="A5" t="s">
        <v>84</v>
      </c>
      <c r="B5" s="29">
        <v>0.46</v>
      </c>
      <c r="C5" s="29">
        <v>0.57999999999999996</v>
      </c>
    </row>
    <row r="6" spans="1:3" x14ac:dyDescent="0.25">
      <c r="A6" t="s">
        <v>85</v>
      </c>
      <c r="B6" s="29">
        <v>0.2</v>
      </c>
      <c r="C6" s="29">
        <v>0.14000000000000001</v>
      </c>
    </row>
    <row r="8" spans="1:3" x14ac:dyDescent="0.25">
      <c r="A8" t="s">
        <v>86</v>
      </c>
    </row>
    <row r="9" spans="1:3" x14ac:dyDescent="0.25">
      <c r="A9" t="s">
        <v>87</v>
      </c>
    </row>
  </sheetData>
  <pageMargins left="0.7" right="0.7" top="0.75" bottom="0.75" header="0.3" footer="0.3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5656CFC-5EC8-4BE1-816B-7C5D949C91A5}">
  <sheetPr codeName="Sheet4"/>
  <dimension ref="A1:J21"/>
  <sheetViews>
    <sheetView showGridLines="0" workbookViewId="0"/>
  </sheetViews>
  <sheetFormatPr defaultRowHeight="12.5" x14ac:dyDescent="0.25"/>
  <cols>
    <col min="2" max="2" width="10.7265625" bestFit="1" customWidth="1"/>
    <col min="3" max="3" width="10.453125" bestFit="1" customWidth="1"/>
    <col min="5" max="5" width="10.7265625" bestFit="1" customWidth="1"/>
    <col min="6" max="6" width="10.453125" bestFit="1" customWidth="1"/>
    <col min="8" max="8" width="10.7265625" bestFit="1" customWidth="1"/>
    <col min="9" max="9" width="10.453125" bestFit="1" customWidth="1"/>
    <col min="10" max="10" width="9.26953125" bestFit="1" customWidth="1"/>
  </cols>
  <sheetData>
    <row r="1" spans="1:10" ht="13" x14ac:dyDescent="0.3">
      <c r="A1" s="1" t="s">
        <v>231</v>
      </c>
    </row>
    <row r="2" spans="1:10" x14ac:dyDescent="0.25">
      <c r="A2" t="s">
        <v>68</v>
      </c>
    </row>
    <row r="4" spans="1:10" x14ac:dyDescent="0.25">
      <c r="A4" s="18"/>
      <c r="B4" s="44" t="s">
        <v>48</v>
      </c>
      <c r="C4" s="44"/>
      <c r="D4" s="44"/>
    </row>
    <row r="5" spans="1:10" x14ac:dyDescent="0.25">
      <c r="A5" s="17" t="s">
        <v>44</v>
      </c>
      <c r="B5" s="7" t="s">
        <v>45</v>
      </c>
      <c r="C5" s="7" t="s">
        <v>46</v>
      </c>
      <c r="D5" s="7" t="s">
        <v>47</v>
      </c>
    </row>
    <row r="6" spans="1:10" x14ac:dyDescent="0.25">
      <c r="A6">
        <v>2008</v>
      </c>
      <c r="B6" s="19">
        <v>19.2</v>
      </c>
      <c r="C6" s="19">
        <v>3.93</v>
      </c>
      <c r="D6">
        <v>0.86</v>
      </c>
      <c r="E6" s="19"/>
      <c r="F6" s="19"/>
      <c r="G6" s="19"/>
      <c r="H6" s="19"/>
      <c r="I6" s="19"/>
      <c r="J6" s="19"/>
    </row>
    <row r="7" spans="1:10" x14ac:dyDescent="0.25">
      <c r="A7">
        <v>2009</v>
      </c>
      <c r="B7" s="19">
        <v>20.56</v>
      </c>
      <c r="C7" s="19">
        <v>3.59</v>
      </c>
      <c r="D7">
        <v>0.94</v>
      </c>
      <c r="E7" s="19"/>
      <c r="F7" s="19"/>
      <c r="G7" s="19"/>
      <c r="H7" s="19"/>
      <c r="I7" s="19"/>
      <c r="J7" s="19"/>
    </row>
    <row r="8" spans="1:10" x14ac:dyDescent="0.25">
      <c r="A8">
        <v>2010</v>
      </c>
      <c r="B8" s="19">
        <v>19.84</v>
      </c>
      <c r="C8" s="19">
        <v>3.43</v>
      </c>
      <c r="D8">
        <v>0.73</v>
      </c>
      <c r="E8" s="19"/>
      <c r="F8" s="19"/>
      <c r="G8" s="19"/>
      <c r="H8" s="19"/>
      <c r="I8" s="19"/>
      <c r="J8" s="19"/>
    </row>
    <row r="9" spans="1:10" x14ac:dyDescent="0.25">
      <c r="A9">
        <v>2011</v>
      </c>
      <c r="B9" s="19">
        <v>19.420000000000002</v>
      </c>
      <c r="C9" s="19">
        <v>3.28</v>
      </c>
      <c r="D9">
        <v>0.67</v>
      </c>
      <c r="E9" s="19"/>
      <c r="F9" s="19"/>
      <c r="G9" s="19"/>
      <c r="H9" s="19"/>
      <c r="I9" s="19"/>
      <c r="J9" s="19"/>
    </row>
    <row r="10" spans="1:10" x14ac:dyDescent="0.25">
      <c r="A10">
        <v>2012</v>
      </c>
      <c r="B10" s="19">
        <v>22.12</v>
      </c>
      <c r="C10" s="19">
        <v>4.18</v>
      </c>
      <c r="D10">
        <v>0.72</v>
      </c>
      <c r="E10" s="19"/>
      <c r="F10" s="19"/>
      <c r="G10" s="19"/>
      <c r="H10" s="19"/>
      <c r="I10" s="19"/>
      <c r="J10" s="19"/>
    </row>
    <row r="11" spans="1:10" x14ac:dyDescent="0.25">
      <c r="A11">
        <v>2013</v>
      </c>
      <c r="B11" s="19">
        <v>20.62</v>
      </c>
      <c r="C11" s="19">
        <v>3.66</v>
      </c>
      <c r="D11">
        <v>0.61</v>
      </c>
      <c r="E11" s="19"/>
      <c r="F11" s="19"/>
      <c r="G11" s="19"/>
      <c r="H11" s="19"/>
      <c r="I11" s="19"/>
      <c r="J11" s="19"/>
    </row>
    <row r="12" spans="1:10" x14ac:dyDescent="0.25">
      <c r="A12">
        <v>2014</v>
      </c>
      <c r="B12" s="19">
        <v>17.440000000000001</v>
      </c>
      <c r="C12" s="19">
        <v>3.23</v>
      </c>
      <c r="D12">
        <v>0.64</v>
      </c>
      <c r="E12" s="19"/>
      <c r="F12" s="19"/>
      <c r="G12" s="19"/>
      <c r="H12" s="19"/>
      <c r="I12" s="19"/>
      <c r="J12" s="19"/>
    </row>
    <row r="13" spans="1:10" x14ac:dyDescent="0.25">
      <c r="A13">
        <v>2015</v>
      </c>
      <c r="B13" s="19">
        <v>15.5</v>
      </c>
      <c r="C13" s="19">
        <v>2.59</v>
      </c>
      <c r="D13">
        <v>0.41</v>
      </c>
      <c r="E13" s="19"/>
      <c r="F13" s="19"/>
      <c r="G13" s="19"/>
      <c r="H13" s="19"/>
      <c r="I13" s="19"/>
      <c r="J13" s="19"/>
    </row>
    <row r="14" spans="1:10" x14ac:dyDescent="0.25">
      <c r="A14">
        <v>2016</v>
      </c>
      <c r="B14" s="19">
        <v>16.96</v>
      </c>
      <c r="C14" s="19">
        <v>2.7</v>
      </c>
      <c r="D14">
        <v>0.45</v>
      </c>
      <c r="E14" s="19"/>
      <c r="F14" s="19"/>
      <c r="G14" s="19"/>
      <c r="H14" s="19"/>
      <c r="I14" s="19"/>
      <c r="J14" s="19"/>
    </row>
    <row r="15" spans="1:10" x14ac:dyDescent="0.25">
      <c r="A15">
        <v>2017</v>
      </c>
      <c r="B15" s="19">
        <v>15.56</v>
      </c>
      <c r="C15" s="19">
        <v>2.2200000000000002</v>
      </c>
      <c r="D15">
        <v>0.32</v>
      </c>
      <c r="E15" s="19"/>
      <c r="F15" s="19"/>
      <c r="G15" s="19"/>
      <c r="H15" s="19"/>
      <c r="I15" s="19"/>
      <c r="J15" s="19"/>
    </row>
    <row r="16" spans="1:10" x14ac:dyDescent="0.25">
      <c r="A16">
        <v>2018</v>
      </c>
      <c r="B16" s="19">
        <v>14.3</v>
      </c>
      <c r="C16" s="19">
        <v>1.99</v>
      </c>
      <c r="D16">
        <v>0.27</v>
      </c>
      <c r="E16" s="19"/>
      <c r="F16" s="19"/>
      <c r="G16" s="19"/>
      <c r="H16" s="19"/>
      <c r="I16" s="19"/>
      <c r="J16" s="19"/>
    </row>
    <row r="17" spans="1:10" x14ac:dyDescent="0.25">
      <c r="A17">
        <v>2019</v>
      </c>
      <c r="B17" s="19">
        <v>18.13</v>
      </c>
      <c r="C17" s="19">
        <v>2.36</v>
      </c>
      <c r="D17">
        <v>0.37</v>
      </c>
      <c r="E17" s="19"/>
      <c r="F17" s="19"/>
      <c r="G17" s="19"/>
      <c r="H17" s="19"/>
      <c r="I17" s="19"/>
      <c r="J17" s="19"/>
    </row>
    <row r="18" spans="1:10" x14ac:dyDescent="0.25">
      <c r="A18">
        <v>2021</v>
      </c>
      <c r="B18" s="19">
        <v>18.07</v>
      </c>
      <c r="C18" s="19">
        <v>2.94</v>
      </c>
      <c r="D18">
        <v>0.45</v>
      </c>
      <c r="E18" s="19"/>
      <c r="F18" s="19"/>
      <c r="G18" s="19"/>
      <c r="H18" s="19"/>
      <c r="I18" s="19"/>
      <c r="J18" s="19"/>
    </row>
    <row r="19" spans="1:10" x14ac:dyDescent="0.25">
      <c r="A19">
        <v>2022</v>
      </c>
      <c r="B19" s="19">
        <v>18.39</v>
      </c>
      <c r="C19" s="19">
        <v>3.49</v>
      </c>
      <c r="D19">
        <v>0.47</v>
      </c>
      <c r="E19" s="19"/>
      <c r="F19" s="19"/>
      <c r="G19" s="19"/>
      <c r="H19" s="19"/>
      <c r="I19" s="19"/>
      <c r="J19" s="19"/>
    </row>
    <row r="21" spans="1:10" x14ac:dyDescent="0.25">
      <c r="A21" t="s">
        <v>74</v>
      </c>
    </row>
  </sheetData>
  <mergeCells count="1">
    <mergeCell ref="B4:D4"/>
  </mergeCells>
  <pageMargins left="0.7" right="0.7" top="0.75" bottom="0.75" header="0.3" footer="0.3"/>
  <pageSetup paperSize="9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AA1606A-74D3-48E4-A2C2-78E5E961B370}">
  <sheetPr codeName="Sheet5"/>
  <dimension ref="A1:J21"/>
  <sheetViews>
    <sheetView showGridLines="0" workbookViewId="0"/>
  </sheetViews>
  <sheetFormatPr defaultRowHeight="12.5" x14ac:dyDescent="0.25"/>
  <cols>
    <col min="2" max="2" width="11.26953125" bestFit="1" customWidth="1"/>
    <col min="3" max="3" width="10.7265625" bestFit="1" customWidth="1"/>
    <col min="4" max="4" width="9.26953125" bestFit="1" customWidth="1"/>
    <col min="5" max="5" width="11.26953125" bestFit="1" customWidth="1"/>
    <col min="6" max="6" width="10.7265625" bestFit="1" customWidth="1"/>
    <col min="7" max="7" width="9.26953125" bestFit="1" customWidth="1"/>
    <col min="8" max="8" width="11.26953125" bestFit="1" customWidth="1"/>
    <col min="9" max="9" width="10.7265625" bestFit="1" customWidth="1"/>
    <col min="10" max="10" width="9.26953125" bestFit="1" customWidth="1"/>
  </cols>
  <sheetData>
    <row r="1" spans="1:10" ht="13" x14ac:dyDescent="0.3">
      <c r="A1" s="1" t="s">
        <v>232</v>
      </c>
    </row>
    <row r="2" spans="1:10" x14ac:dyDescent="0.25">
      <c r="A2" t="s">
        <v>68</v>
      </c>
    </row>
    <row r="4" spans="1:10" x14ac:dyDescent="0.25">
      <c r="A4" s="18"/>
      <c r="B4" s="44" t="s">
        <v>49</v>
      </c>
      <c r="C4" s="44"/>
      <c r="D4" s="44"/>
    </row>
    <row r="5" spans="1:10" x14ac:dyDescent="0.25">
      <c r="A5" s="17" t="s">
        <v>44</v>
      </c>
      <c r="B5" s="7" t="s">
        <v>45</v>
      </c>
      <c r="C5" s="7" t="s">
        <v>46</v>
      </c>
      <c r="D5" s="7" t="s">
        <v>47</v>
      </c>
    </row>
    <row r="6" spans="1:10" x14ac:dyDescent="0.25">
      <c r="A6">
        <v>2008</v>
      </c>
      <c r="B6" s="19">
        <v>24.06</v>
      </c>
      <c r="C6" s="19">
        <v>5.92</v>
      </c>
      <c r="D6" s="19">
        <v>1.64</v>
      </c>
      <c r="H6" s="19"/>
      <c r="I6" s="19"/>
      <c r="J6" s="19"/>
    </row>
    <row r="7" spans="1:10" x14ac:dyDescent="0.25">
      <c r="A7">
        <v>2009</v>
      </c>
      <c r="B7" s="19">
        <v>23.24</v>
      </c>
      <c r="C7" s="19">
        <v>5.04</v>
      </c>
      <c r="D7" s="19">
        <v>1.32</v>
      </c>
      <c r="H7" s="19"/>
      <c r="I7" s="19"/>
      <c r="J7" s="19"/>
    </row>
    <row r="8" spans="1:10" x14ac:dyDescent="0.25">
      <c r="A8">
        <v>2010</v>
      </c>
      <c r="B8" s="19">
        <v>24.13</v>
      </c>
      <c r="C8" s="19">
        <v>5.75</v>
      </c>
      <c r="D8" s="19">
        <v>1.29</v>
      </c>
      <c r="H8" s="19"/>
      <c r="I8" s="19"/>
      <c r="J8" s="19"/>
    </row>
    <row r="9" spans="1:10" x14ac:dyDescent="0.25">
      <c r="A9">
        <v>2011</v>
      </c>
      <c r="B9" s="19">
        <v>22.38</v>
      </c>
      <c r="C9" s="19">
        <v>5.28</v>
      </c>
      <c r="D9" s="19">
        <v>1.08</v>
      </c>
      <c r="H9" s="19"/>
      <c r="I9" s="19"/>
      <c r="J9" s="19"/>
    </row>
    <row r="10" spans="1:10" x14ac:dyDescent="0.25">
      <c r="A10">
        <v>2012</v>
      </c>
      <c r="B10" s="19">
        <v>23.79</v>
      </c>
      <c r="C10" s="19">
        <v>5.55</v>
      </c>
      <c r="D10" s="19">
        <v>1.2</v>
      </c>
      <c r="H10" s="19"/>
      <c r="I10" s="19"/>
      <c r="J10" s="19"/>
    </row>
    <row r="11" spans="1:10" x14ac:dyDescent="0.25">
      <c r="A11">
        <v>2013</v>
      </c>
      <c r="B11" s="19">
        <v>17.989999999999998</v>
      </c>
      <c r="C11" s="19">
        <v>2.75</v>
      </c>
      <c r="D11" s="19">
        <v>0.43</v>
      </c>
      <c r="H11" s="19"/>
      <c r="I11" s="19"/>
      <c r="J11" s="19"/>
    </row>
    <row r="12" spans="1:10" x14ac:dyDescent="0.25">
      <c r="A12">
        <v>2014</v>
      </c>
      <c r="B12" s="19">
        <v>22.3</v>
      </c>
      <c r="C12" s="19">
        <v>4.8499999999999996</v>
      </c>
      <c r="D12" s="19">
        <v>0.86</v>
      </c>
      <c r="H12" s="19"/>
      <c r="I12" s="19"/>
      <c r="J12" s="19"/>
    </row>
    <row r="13" spans="1:10" x14ac:dyDescent="0.25">
      <c r="A13">
        <v>2015</v>
      </c>
      <c r="B13" s="19">
        <v>20.12</v>
      </c>
      <c r="C13" s="19">
        <v>3.88</v>
      </c>
      <c r="D13" s="19">
        <v>0.64</v>
      </c>
      <c r="H13" s="19"/>
      <c r="I13" s="19"/>
      <c r="J13" s="19"/>
    </row>
    <row r="14" spans="1:10" x14ac:dyDescent="0.25">
      <c r="A14">
        <v>2016</v>
      </c>
      <c r="B14" s="19">
        <v>21.46</v>
      </c>
      <c r="C14" s="19">
        <v>3.98</v>
      </c>
      <c r="D14" s="19">
        <v>0.72</v>
      </c>
      <c r="H14" s="19"/>
      <c r="I14" s="19"/>
      <c r="J14" s="19"/>
    </row>
    <row r="15" spans="1:10" x14ac:dyDescent="0.25">
      <c r="A15">
        <v>2017</v>
      </c>
      <c r="B15" s="19">
        <v>20.79</v>
      </c>
      <c r="C15" s="19">
        <v>4.0199999999999996</v>
      </c>
      <c r="D15" s="19">
        <v>0.7</v>
      </c>
      <c r="H15" s="19"/>
      <c r="I15" s="19"/>
      <c r="J15" s="19"/>
    </row>
    <row r="16" spans="1:10" x14ac:dyDescent="0.25">
      <c r="A16">
        <v>2018</v>
      </c>
      <c r="B16" s="19">
        <v>21.73</v>
      </c>
      <c r="C16" s="19">
        <v>4.2</v>
      </c>
      <c r="D16" s="19">
        <v>0.73</v>
      </c>
      <c r="H16" s="19"/>
      <c r="I16" s="19"/>
      <c r="J16" s="19"/>
    </row>
    <row r="17" spans="1:10" x14ac:dyDescent="0.25">
      <c r="A17">
        <v>2019</v>
      </c>
      <c r="B17" s="19">
        <v>20.12</v>
      </c>
      <c r="C17" s="19">
        <v>3.42</v>
      </c>
      <c r="D17" s="19">
        <v>0.56999999999999995</v>
      </c>
      <c r="H17" s="19"/>
      <c r="I17" s="19"/>
      <c r="J17" s="19"/>
    </row>
    <row r="18" spans="1:10" x14ac:dyDescent="0.25">
      <c r="A18">
        <v>2021</v>
      </c>
      <c r="B18" s="19">
        <v>19.71</v>
      </c>
      <c r="C18" s="19">
        <v>3.94</v>
      </c>
      <c r="D18" s="19">
        <v>0.64</v>
      </c>
      <c r="H18" s="19"/>
      <c r="I18" s="19"/>
      <c r="J18" s="19"/>
    </row>
    <row r="19" spans="1:10" x14ac:dyDescent="0.25">
      <c r="A19">
        <v>2022</v>
      </c>
      <c r="B19" s="19">
        <v>20.88</v>
      </c>
      <c r="C19" s="19">
        <v>4.33</v>
      </c>
      <c r="D19" s="19">
        <v>0.61</v>
      </c>
      <c r="H19" s="19"/>
      <c r="I19" s="19"/>
      <c r="J19" s="19"/>
    </row>
    <row r="21" spans="1:10" x14ac:dyDescent="0.25">
      <c r="A21" t="s">
        <v>74</v>
      </c>
    </row>
  </sheetData>
  <mergeCells count="1">
    <mergeCell ref="B4:D4"/>
  </mergeCells>
  <pageMargins left="0.7" right="0.7" top="0.75" bottom="0.75" header="0.3" footer="0.3"/>
  <pageSetup paperSize="9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9EF577B-9F86-4669-9951-89D2CD1C9286}">
  <sheetPr codeName="Sheet6"/>
  <dimension ref="A1:G21"/>
  <sheetViews>
    <sheetView showGridLines="0" workbookViewId="0"/>
  </sheetViews>
  <sheetFormatPr defaultRowHeight="12.5" x14ac:dyDescent="0.25"/>
  <cols>
    <col min="2" max="2" width="11.26953125" bestFit="1" customWidth="1"/>
    <col min="3" max="3" width="10.7265625" bestFit="1" customWidth="1"/>
    <col min="4" max="4" width="9.26953125" bestFit="1" customWidth="1"/>
    <col min="5" max="5" width="11.26953125" bestFit="1" customWidth="1"/>
    <col min="6" max="6" width="10.7265625" bestFit="1" customWidth="1"/>
    <col min="7" max="7" width="9.26953125" bestFit="1" customWidth="1"/>
    <col min="8" max="8" width="11.26953125" bestFit="1" customWidth="1"/>
    <col min="9" max="9" width="10.7265625" bestFit="1" customWidth="1"/>
    <col min="10" max="10" width="9.26953125" bestFit="1" customWidth="1"/>
  </cols>
  <sheetData>
    <row r="1" spans="1:7" ht="13" x14ac:dyDescent="0.3">
      <c r="A1" s="1" t="s">
        <v>234</v>
      </c>
    </row>
    <row r="2" spans="1:7" x14ac:dyDescent="0.25">
      <c r="A2" t="s">
        <v>68</v>
      </c>
    </row>
    <row r="4" spans="1:7" x14ac:dyDescent="0.25">
      <c r="A4" s="18"/>
      <c r="B4" s="44" t="s">
        <v>50</v>
      </c>
      <c r="C4" s="44"/>
      <c r="D4" s="44"/>
      <c r="E4" s="45"/>
      <c r="F4" s="45"/>
      <c r="G4" s="45"/>
    </row>
    <row r="5" spans="1:7" x14ac:dyDescent="0.25">
      <c r="A5" s="17" t="s">
        <v>44</v>
      </c>
      <c r="B5" s="7" t="s">
        <v>45</v>
      </c>
      <c r="C5" s="7" t="s">
        <v>46</v>
      </c>
      <c r="D5" s="7" t="s">
        <v>47</v>
      </c>
    </row>
    <row r="6" spans="1:7" x14ac:dyDescent="0.25">
      <c r="A6">
        <v>2008</v>
      </c>
      <c r="B6" s="19">
        <v>21.93</v>
      </c>
      <c r="C6" s="19">
        <v>5.75</v>
      </c>
      <c r="D6" s="19">
        <v>1.65</v>
      </c>
      <c r="E6" s="19"/>
      <c r="F6" s="19"/>
      <c r="G6" s="19"/>
    </row>
    <row r="7" spans="1:7" x14ac:dyDescent="0.25">
      <c r="A7">
        <v>2009</v>
      </c>
      <c r="B7" s="19">
        <v>23.49</v>
      </c>
      <c r="C7" s="19">
        <v>5.31</v>
      </c>
      <c r="D7" s="19">
        <v>1.51</v>
      </c>
      <c r="E7" s="19"/>
      <c r="F7" s="19"/>
      <c r="G7" s="19"/>
    </row>
    <row r="8" spans="1:7" x14ac:dyDescent="0.25">
      <c r="A8">
        <v>2010</v>
      </c>
      <c r="B8" s="19">
        <v>22.35</v>
      </c>
      <c r="C8" s="19">
        <v>4.8499999999999996</v>
      </c>
      <c r="D8" s="19">
        <v>1.22</v>
      </c>
      <c r="E8" s="19"/>
      <c r="F8" s="19"/>
      <c r="G8" s="19"/>
    </row>
    <row r="9" spans="1:7" x14ac:dyDescent="0.25">
      <c r="A9">
        <v>2011</v>
      </c>
      <c r="B9" s="19">
        <v>24.22</v>
      </c>
      <c r="C9" s="19">
        <v>5.97</v>
      </c>
      <c r="D9" s="19">
        <v>1.39</v>
      </c>
      <c r="E9" s="19"/>
      <c r="F9" s="19"/>
      <c r="G9" s="19"/>
    </row>
    <row r="10" spans="1:7" x14ac:dyDescent="0.25">
      <c r="A10">
        <v>2012</v>
      </c>
      <c r="B10" s="19">
        <v>24.27</v>
      </c>
      <c r="C10" s="19">
        <v>6.31</v>
      </c>
      <c r="D10" s="19">
        <v>1.49</v>
      </c>
      <c r="E10" s="19"/>
      <c r="F10" s="19"/>
      <c r="G10" s="19"/>
    </row>
    <row r="11" spans="1:7" x14ac:dyDescent="0.25">
      <c r="A11">
        <v>2013</v>
      </c>
      <c r="B11" s="19">
        <v>26.04</v>
      </c>
      <c r="C11" s="19">
        <v>6.21</v>
      </c>
      <c r="D11" s="19">
        <v>1.42</v>
      </c>
      <c r="E11" s="19"/>
      <c r="F11" s="19"/>
      <c r="G11" s="19"/>
    </row>
    <row r="12" spans="1:7" x14ac:dyDescent="0.25">
      <c r="A12">
        <v>2014</v>
      </c>
      <c r="B12" s="19">
        <v>26.28</v>
      </c>
      <c r="C12" s="19">
        <v>7.62</v>
      </c>
      <c r="D12" s="19">
        <v>1.76</v>
      </c>
      <c r="E12" s="19"/>
      <c r="F12" s="19"/>
      <c r="G12" s="19"/>
    </row>
    <row r="13" spans="1:7" x14ac:dyDescent="0.25">
      <c r="A13">
        <v>2015</v>
      </c>
      <c r="B13" s="19">
        <v>24.84</v>
      </c>
      <c r="C13" s="19">
        <v>6.61</v>
      </c>
      <c r="D13" s="19">
        <v>1.24</v>
      </c>
      <c r="E13" s="19"/>
      <c r="F13" s="19"/>
      <c r="G13" s="19"/>
    </row>
    <row r="14" spans="1:7" x14ac:dyDescent="0.25">
      <c r="A14">
        <v>2016</v>
      </c>
      <c r="B14" s="19">
        <v>21.69</v>
      </c>
      <c r="C14" s="19">
        <v>5.19</v>
      </c>
      <c r="D14" s="19">
        <v>1.22</v>
      </c>
      <c r="E14" s="19"/>
      <c r="F14" s="19"/>
      <c r="G14" s="19"/>
    </row>
    <row r="15" spans="1:7" x14ac:dyDescent="0.25">
      <c r="A15">
        <v>2017</v>
      </c>
      <c r="B15" s="19">
        <v>25.33</v>
      </c>
      <c r="C15" s="19">
        <v>6.52</v>
      </c>
      <c r="D15" s="19">
        <v>1.18</v>
      </c>
      <c r="E15" s="19"/>
      <c r="F15" s="19"/>
      <c r="G15" s="19"/>
    </row>
    <row r="16" spans="1:7" x14ac:dyDescent="0.25">
      <c r="A16">
        <v>2018</v>
      </c>
      <c r="B16" s="19">
        <v>30.21</v>
      </c>
      <c r="C16" s="19">
        <v>8.77</v>
      </c>
      <c r="D16" s="19">
        <v>1.79</v>
      </c>
      <c r="E16" s="19"/>
      <c r="F16" s="19"/>
      <c r="G16" s="19"/>
    </row>
    <row r="17" spans="1:7" x14ac:dyDescent="0.25">
      <c r="A17">
        <v>2019</v>
      </c>
      <c r="B17" s="19">
        <v>24.5</v>
      </c>
      <c r="C17" s="19">
        <v>5.84</v>
      </c>
      <c r="D17" s="19">
        <v>1.17</v>
      </c>
      <c r="E17" s="19"/>
      <c r="F17" s="19"/>
      <c r="G17" s="19"/>
    </row>
    <row r="18" spans="1:7" x14ac:dyDescent="0.25">
      <c r="A18">
        <v>2021</v>
      </c>
      <c r="B18" s="19">
        <v>23.31</v>
      </c>
      <c r="C18" s="19">
        <v>5.85</v>
      </c>
      <c r="D18" s="19">
        <v>1.1200000000000001</v>
      </c>
      <c r="E18" s="19"/>
      <c r="F18" s="19"/>
      <c r="G18" s="19"/>
    </row>
    <row r="19" spans="1:7" x14ac:dyDescent="0.25">
      <c r="A19">
        <v>2022</v>
      </c>
      <c r="B19" s="19">
        <v>23.56</v>
      </c>
      <c r="C19" s="19">
        <v>6.11</v>
      </c>
      <c r="D19" s="19">
        <v>1.06</v>
      </c>
      <c r="E19" s="19"/>
      <c r="F19" s="19"/>
      <c r="G19" s="19"/>
    </row>
    <row r="21" spans="1:7" x14ac:dyDescent="0.25">
      <c r="A21" t="s">
        <v>74</v>
      </c>
    </row>
  </sheetData>
  <mergeCells count="2">
    <mergeCell ref="E4:G4"/>
    <mergeCell ref="B4:D4"/>
  </mergeCells>
  <pageMargins left="0.7" right="0.7" top="0.75" bottom="0.75" header="0.3" footer="0.3"/>
  <pageSetup paperSize="9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BB22F51-7BF6-4E1A-ABF2-E4FDA7086418}">
  <sheetPr codeName="Sheet7"/>
  <dimension ref="A1:F11"/>
  <sheetViews>
    <sheetView showGridLines="0" workbookViewId="0"/>
  </sheetViews>
  <sheetFormatPr defaultRowHeight="12.5" x14ac:dyDescent="0.25"/>
  <cols>
    <col min="1" max="1" width="14" customWidth="1"/>
    <col min="2" max="2" width="13" customWidth="1"/>
  </cols>
  <sheetData>
    <row r="1" spans="1:6" ht="13" x14ac:dyDescent="0.3">
      <c r="A1" s="1" t="s">
        <v>146</v>
      </c>
    </row>
    <row r="3" spans="1:6" ht="27" customHeight="1" x14ac:dyDescent="0.25">
      <c r="A3" s="21" t="s">
        <v>51</v>
      </c>
      <c r="B3" s="44" t="s">
        <v>57</v>
      </c>
      <c r="C3" s="44"/>
      <c r="D3" s="44"/>
      <c r="E3" s="44"/>
      <c r="F3" s="44"/>
    </row>
    <row r="4" spans="1:6" ht="25" x14ac:dyDescent="0.25">
      <c r="A4" s="22"/>
      <c r="B4" s="27" t="s">
        <v>52</v>
      </c>
      <c r="C4" s="28" t="s">
        <v>53</v>
      </c>
      <c r="D4" s="28" t="s">
        <v>54</v>
      </c>
      <c r="E4" s="28" t="s">
        <v>55</v>
      </c>
      <c r="F4" s="28" t="s">
        <v>56</v>
      </c>
    </row>
    <row r="5" spans="1:6" x14ac:dyDescent="0.25">
      <c r="A5">
        <v>1</v>
      </c>
      <c r="B5" s="24">
        <v>3.0000000000000001E-3</v>
      </c>
      <c r="C5" s="24">
        <v>4.0000000000000001E-3</v>
      </c>
      <c r="D5" s="24">
        <v>4.0000000000000001E-3</v>
      </c>
      <c r="E5" s="24">
        <v>3.0000000000000001E-3</v>
      </c>
      <c r="F5" s="24">
        <v>4.0000000000000001E-3</v>
      </c>
    </row>
    <row r="6" spans="1:6" x14ac:dyDescent="0.25">
      <c r="A6">
        <v>2</v>
      </c>
      <c r="B6" s="24">
        <v>8.9999999999999993E-3</v>
      </c>
      <c r="C6" s="24">
        <v>1.0999999999999999E-2</v>
      </c>
      <c r="D6" s="24">
        <v>0.01</v>
      </c>
      <c r="E6" s="24">
        <v>8.0000000000000002E-3</v>
      </c>
      <c r="F6" s="24">
        <v>1.2999999999999999E-2</v>
      </c>
    </row>
    <row r="7" spans="1:6" x14ac:dyDescent="0.25">
      <c r="A7">
        <v>3</v>
      </c>
      <c r="B7" s="24">
        <v>2.1999999999999999E-2</v>
      </c>
      <c r="C7" s="24">
        <v>2.7E-2</v>
      </c>
      <c r="D7" s="24">
        <v>2.4E-2</v>
      </c>
      <c r="E7" s="24">
        <v>2.1000000000000001E-2</v>
      </c>
      <c r="F7" s="24">
        <v>3.1E-2</v>
      </c>
    </row>
    <row r="8" spans="1:6" x14ac:dyDescent="0.25">
      <c r="A8">
        <v>4</v>
      </c>
      <c r="B8" s="24">
        <v>0.05</v>
      </c>
      <c r="C8" s="24">
        <v>6.9000000000000006E-2</v>
      </c>
      <c r="D8" s="24">
        <v>5.5E-2</v>
      </c>
      <c r="E8" s="24">
        <v>4.5999999999999999E-2</v>
      </c>
      <c r="F8" s="24">
        <v>5.2999999999999999E-2</v>
      </c>
    </row>
    <row r="9" spans="1:6" x14ac:dyDescent="0.25">
      <c r="A9">
        <v>5</v>
      </c>
      <c r="B9" s="24">
        <v>0.11600000000000001</v>
      </c>
      <c r="C9" s="24">
        <v>8.8999999999999996E-2</v>
      </c>
      <c r="D9" s="24">
        <v>0.107</v>
      </c>
      <c r="E9" s="24">
        <v>0.122</v>
      </c>
      <c r="F9" s="24">
        <v>9.9000000000000005E-2</v>
      </c>
    </row>
    <row r="11" spans="1:6" x14ac:dyDescent="0.25">
      <c r="A11" t="s">
        <v>75</v>
      </c>
    </row>
  </sheetData>
  <mergeCells count="1">
    <mergeCell ref="B3:F3"/>
  </mergeCells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4762625-981F-42A2-A578-890B99C2B064}">
  <sheetPr codeName="Sheet8"/>
  <dimension ref="A1:C13"/>
  <sheetViews>
    <sheetView showGridLines="0" workbookViewId="0"/>
  </sheetViews>
  <sheetFormatPr defaultRowHeight="12.5" x14ac:dyDescent="0.25"/>
  <cols>
    <col min="1" max="1" width="15.7265625" customWidth="1"/>
    <col min="2" max="2" width="21.453125" customWidth="1"/>
  </cols>
  <sheetData>
    <row r="1" spans="1:3" ht="13" x14ac:dyDescent="0.3">
      <c r="A1" s="1" t="s">
        <v>91</v>
      </c>
    </row>
    <row r="3" spans="1:3" x14ac:dyDescent="0.25">
      <c r="A3" s="7" t="s">
        <v>147</v>
      </c>
      <c r="B3" s="7" t="s">
        <v>148</v>
      </c>
      <c r="C3" s="7" t="s">
        <v>149</v>
      </c>
    </row>
    <row r="4" spans="1:3" x14ac:dyDescent="0.25">
      <c r="A4" t="s">
        <v>92</v>
      </c>
      <c r="B4" t="s">
        <v>93</v>
      </c>
      <c r="C4">
        <v>0.24590000000000001</v>
      </c>
    </row>
    <row r="5" spans="1:3" x14ac:dyDescent="0.25">
      <c r="A5" t="s">
        <v>92</v>
      </c>
      <c r="B5" t="s">
        <v>94</v>
      </c>
      <c r="C5">
        <v>0.1847</v>
      </c>
    </row>
    <row r="6" spans="1:3" x14ac:dyDescent="0.25">
      <c r="A6" t="s">
        <v>101</v>
      </c>
      <c r="B6" t="s">
        <v>95</v>
      </c>
      <c r="C6">
        <v>0.21540000000000001</v>
      </c>
    </row>
    <row r="7" spans="1:3" x14ac:dyDescent="0.25">
      <c r="A7" t="s">
        <v>101</v>
      </c>
      <c r="B7" t="s">
        <v>101</v>
      </c>
      <c r="C7">
        <v>0.36170000000000002</v>
      </c>
    </row>
    <row r="8" spans="1:3" x14ac:dyDescent="0.25">
      <c r="A8" t="s">
        <v>96</v>
      </c>
      <c r="B8" t="s">
        <v>97</v>
      </c>
      <c r="C8">
        <v>0.21959999999999999</v>
      </c>
    </row>
    <row r="9" spans="1:3" x14ac:dyDescent="0.25">
      <c r="A9" t="s">
        <v>96</v>
      </c>
      <c r="B9" t="s">
        <v>96</v>
      </c>
      <c r="C9">
        <v>0.25690000000000002</v>
      </c>
    </row>
    <row r="10" spans="1:3" x14ac:dyDescent="0.25">
      <c r="A10" t="s">
        <v>98</v>
      </c>
      <c r="B10" t="s">
        <v>99</v>
      </c>
      <c r="C10">
        <v>0.14080000000000001</v>
      </c>
    </row>
    <row r="11" spans="1:3" x14ac:dyDescent="0.25">
      <c r="A11" t="s">
        <v>98</v>
      </c>
      <c r="B11" t="s">
        <v>100</v>
      </c>
      <c r="C11">
        <v>0.25569999999999998</v>
      </c>
    </row>
    <row r="13" spans="1:3" x14ac:dyDescent="0.25">
      <c r="A13" t="s">
        <v>102</v>
      </c>
    </row>
  </sheetData>
  <pageMargins left="0.7" right="0.7" top="0.75" bottom="0.75" header="0.3" footer="0.3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80FBDF9-BBC3-4C7A-A559-41B4D8647B37}">
  <sheetPr codeName="Sheet9"/>
  <dimension ref="A1:B11"/>
  <sheetViews>
    <sheetView showGridLines="0" workbookViewId="0"/>
  </sheetViews>
  <sheetFormatPr defaultRowHeight="12.5" x14ac:dyDescent="0.25"/>
  <cols>
    <col min="1" max="1" width="32.7265625" customWidth="1"/>
  </cols>
  <sheetData>
    <row r="1" spans="1:2" ht="13" x14ac:dyDescent="0.3">
      <c r="A1" s="1" t="s">
        <v>103</v>
      </c>
    </row>
    <row r="3" spans="1:2" x14ac:dyDescent="0.25">
      <c r="A3" s="7" t="s">
        <v>137</v>
      </c>
      <c r="B3" s="7" t="s">
        <v>149</v>
      </c>
    </row>
    <row r="4" spans="1:2" x14ac:dyDescent="0.25">
      <c r="A4" t="s">
        <v>104</v>
      </c>
      <c r="B4">
        <v>0.77680000000000005</v>
      </c>
    </row>
    <row r="5" spans="1:2" x14ac:dyDescent="0.25">
      <c r="A5" t="s">
        <v>105</v>
      </c>
      <c r="B5">
        <v>0.64449999999999996</v>
      </c>
    </row>
    <row r="6" spans="1:2" x14ac:dyDescent="0.25">
      <c r="A6" t="s">
        <v>106</v>
      </c>
      <c r="B6">
        <v>0.49309999999999998</v>
      </c>
    </row>
    <row r="7" spans="1:2" x14ac:dyDescent="0.25">
      <c r="A7" t="s">
        <v>107</v>
      </c>
      <c r="B7">
        <v>0.11890000000000001</v>
      </c>
    </row>
    <row r="8" spans="1:2" x14ac:dyDescent="0.25">
      <c r="A8" t="s">
        <v>108</v>
      </c>
      <c r="B8">
        <v>0.69520000000000004</v>
      </c>
    </row>
    <row r="9" spans="1:2" x14ac:dyDescent="0.25">
      <c r="A9" t="s">
        <v>109</v>
      </c>
      <c r="B9">
        <v>7.6600000000000001E-2</v>
      </c>
    </row>
    <row r="11" spans="1:2" x14ac:dyDescent="0.25">
      <c r="A11" t="s">
        <v>110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Supporting chart data workbook","templateDescription":"Use for data you plan to publish on the website. Includes 'about' and 'contents' tabs.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799e522c-5b1f-4f01-8a66-07ee5157ad9d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799e522c-5b1f-4f01-8a66-07ee5157ad9d">
      <Value>1</Value>
    </TaxCatchAll>
    <lcf76f155ced4ddcb4097134ff3c332f xmlns="9818a5f2-5483-412d-8678-057ddb6fc845">
      <Terms xmlns="http://schemas.microsoft.com/office/infopath/2007/PartnerControls"/>
    </lcf76f155ced4ddcb4097134ff3c332f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E91143F2B2AAA43B4ED5D06D8E163F6" ma:contentTypeVersion="13" ma:contentTypeDescription="Create a new document." ma:contentTypeScope="" ma:versionID="39afb78634ef843059cb87b183a016d0">
  <xsd:schema xmlns:xsd="http://www.w3.org/2001/XMLSchema" xmlns:xs="http://www.w3.org/2001/XMLSchema" xmlns:p="http://schemas.microsoft.com/office/2006/metadata/properties" xmlns:ns2="9818a5f2-5483-412d-8678-057ddb6fc845" xmlns:ns3="799e522c-5b1f-4f01-8a66-07ee5157ad9d" targetNamespace="http://schemas.microsoft.com/office/2006/metadata/properties" ma:root="true" ma:fieldsID="1f50c8803f138bf0a922670c7cafa9cf" ns2:_="" ns3:_="">
    <xsd:import namespace="9818a5f2-5483-412d-8678-057ddb6fc845"/>
    <xsd:import namespace="799e522c-5b1f-4f01-8a66-07ee5157ad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i0f84bba906045b4af568ee102a52dcb" minOccurs="0"/>
                <xsd:element ref="ns3:TaxCatchAll" minOccurs="0"/>
                <xsd:element ref="ns2:MediaServiceDateTaken" minOccurs="0"/>
                <xsd:element ref="ns2:lcf76f155ced4ddcb4097134ff3c332f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18a5f2-5483-412d-8678-057ddb6fc84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99e522c-5b1f-4f01-8a66-07ee5157ad9d" elementFormDefault="qualified">
    <xsd:import namespace="http://schemas.microsoft.com/office/2006/documentManagement/types"/>
    <xsd:import namespace="http://schemas.microsoft.com/office/infopath/2007/PartnerControls"/>
    <xsd:element name="i0f84bba906045b4af568ee102a52dcb" ma:index="13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4" nillable="true" ma:displayName="Taxonomy Catch All Column" ma:hidden="true" ma:list="{870b7801-8225-45fa-88f9-2134f6715a36}" ma:internalName="TaxCatchAll" ma:showField="CatchAllData" ma:web="799e522c-5b1f-4f01-8a66-07ee5157ad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8D938DD-EC6F-4D42-AA4F-4A0F2A288CFB}">
  <ds:schemaRefs/>
</ds:datastoreItem>
</file>

<file path=customXml/itemProps2.xml><?xml version="1.0" encoding="utf-8"?>
<ds:datastoreItem xmlns:ds="http://schemas.openxmlformats.org/officeDocument/2006/customXml" ds:itemID="{B3728547-958E-4FA2-B20E-7904A68EC892}">
  <ds:schemaRefs>
    <ds:schemaRef ds:uri="9818a5f2-5483-412d-8678-057ddb6fc845"/>
    <ds:schemaRef ds:uri="http://schemas.microsoft.com/office/infopath/2007/PartnerControls"/>
    <ds:schemaRef ds:uri="http://www.w3.org/XML/1998/namespace"/>
    <ds:schemaRef ds:uri="http://purl.org/dc/dcmitype/"/>
    <ds:schemaRef ds:uri="http://schemas.microsoft.com/office/2006/documentManagement/types"/>
    <ds:schemaRef ds:uri="799e522c-5b1f-4f01-8a66-07ee5157ad9d"/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purl.org/dc/elements/1.1/"/>
  </ds:schemaRefs>
</ds:datastoreItem>
</file>

<file path=customXml/itemProps3.xml><?xml version="1.0" encoding="utf-8"?>
<ds:datastoreItem xmlns:ds="http://schemas.openxmlformats.org/officeDocument/2006/customXml" ds:itemID="{8963BE26-5414-4FAA-9431-3AB45FDD15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818a5f2-5483-412d-8678-057ddb6fc845"/>
    <ds:schemaRef ds:uri="799e522c-5b1f-4f01-8a66-07ee5157ad9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58F1DBD-F471-494B-B998-F5C80852FBDA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E1EFC478-5E73-45FD-BFC4-BC55619BF7E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3</vt:i4>
      </vt:variant>
    </vt:vector>
  </HeadingPairs>
  <TitlesOfParts>
    <vt:vector size="23" baseType="lpstr">
      <vt:lpstr>About</vt:lpstr>
      <vt:lpstr>Contents</vt:lpstr>
      <vt:lpstr>Figure 1.2</vt:lpstr>
      <vt:lpstr>Figure 1.3 (panel a)</vt:lpstr>
      <vt:lpstr>Figure 1.3 (panel b)</vt:lpstr>
      <vt:lpstr>Figure 1.3 (panel c)</vt:lpstr>
      <vt:lpstr>Figure 1.4</vt:lpstr>
      <vt:lpstr>Figure 2.2</vt:lpstr>
      <vt:lpstr>Figure 2.4</vt:lpstr>
      <vt:lpstr>Box 2.2</vt:lpstr>
      <vt:lpstr>Figure 3.1 (panel a)</vt:lpstr>
      <vt:lpstr>Figure 3.1 (panel b)</vt:lpstr>
      <vt:lpstr>Figure 3.2 (panel a)</vt:lpstr>
      <vt:lpstr>Figure 3.2 (panel b)</vt:lpstr>
      <vt:lpstr>Figure 3.4</vt:lpstr>
      <vt:lpstr>Figure 3.8</vt:lpstr>
      <vt:lpstr>Figure 4.2</vt:lpstr>
      <vt:lpstr>Figure 4.3</vt:lpstr>
      <vt:lpstr>Box 4.6</vt:lpstr>
      <vt:lpstr>Figure B.1</vt:lpstr>
      <vt:lpstr>Figure B.2</vt:lpstr>
      <vt:lpstr>Figure B.3</vt:lpstr>
      <vt:lpstr>Figure C.2</vt:lpstr>
    </vt:vector>
  </TitlesOfParts>
  <Manager/>
  <Company>Productivity Commission</Company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hart data - Inquiry report - Building a skilled and adaptable workforce</dc:title>
  <dc:subject/>
  <dc:creator>Productivity Commission</dc:creator>
  <cp:keywords/>
  <dc:description/>
  <cp:lastModifiedBy>Chris Alston</cp:lastModifiedBy>
  <cp:revision/>
  <dcterms:created xsi:type="dcterms:W3CDTF">2025-07-28T05:09:54Z</dcterms:created>
  <dcterms:modified xsi:type="dcterms:W3CDTF">2025-12-09T04:37:54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54725005441542</vt:lpwstr>
  </property>
  <property fmtid="{D5CDD505-2E9C-101B-9397-08002B2CF9AE}" pid="4" name="TemplafyUserProfileId">
    <vt:lpwstr>637803902465008559</vt:lpwstr>
  </property>
  <property fmtid="{D5CDD505-2E9C-101B-9397-08002B2CF9AE}" pid="5" name="TemplafyFromBlank">
    <vt:bool>false</vt:bool>
  </property>
  <property fmtid="{D5CDD505-2E9C-101B-9397-08002B2CF9AE}" pid="6" name="MSIP_Label_f7467c1a-e0ed-413c-a72b-aac8e8e94f41_Enabled">
    <vt:lpwstr>true</vt:lpwstr>
  </property>
  <property fmtid="{D5CDD505-2E9C-101B-9397-08002B2CF9AE}" pid="7" name="MSIP_Label_f7467c1a-e0ed-413c-a72b-aac8e8e94f41_SetDate">
    <vt:lpwstr>2025-07-28T05:18:53Z</vt:lpwstr>
  </property>
  <property fmtid="{D5CDD505-2E9C-101B-9397-08002B2CF9AE}" pid="8" name="MSIP_Label_f7467c1a-e0ed-413c-a72b-aac8e8e94f41_Method">
    <vt:lpwstr>Privileged</vt:lpwstr>
  </property>
  <property fmtid="{D5CDD505-2E9C-101B-9397-08002B2CF9AE}" pid="9" name="MSIP_Label_f7467c1a-e0ed-413c-a72b-aac8e8e94f41_Name">
    <vt:lpwstr>OFFICIAL</vt:lpwstr>
  </property>
  <property fmtid="{D5CDD505-2E9C-101B-9397-08002B2CF9AE}" pid="10" name="MSIP_Label_f7467c1a-e0ed-413c-a72b-aac8e8e94f41_SiteId">
    <vt:lpwstr>29f9330b-c0fe-4244-830e-ba9f275d6c34</vt:lpwstr>
  </property>
  <property fmtid="{D5CDD505-2E9C-101B-9397-08002B2CF9AE}" pid="11" name="MSIP_Label_f7467c1a-e0ed-413c-a72b-aac8e8e94f41_ActionId">
    <vt:lpwstr>ad4d61f0-37da-4341-9296-053193d663e6</vt:lpwstr>
  </property>
  <property fmtid="{D5CDD505-2E9C-101B-9397-08002B2CF9AE}" pid="12" name="MSIP_Label_f7467c1a-e0ed-413c-a72b-aac8e8e94f41_ContentBits">
    <vt:lpwstr>1</vt:lpwstr>
  </property>
  <property fmtid="{D5CDD505-2E9C-101B-9397-08002B2CF9AE}" pid="13" name="MSIP_Label_f7467c1a-e0ed-413c-a72b-aac8e8e94f41_Tag">
    <vt:lpwstr>10, 0, 1, 1</vt:lpwstr>
  </property>
  <property fmtid="{D5CDD505-2E9C-101B-9397-08002B2CF9AE}" pid="14" name="ContentTypeId">
    <vt:lpwstr>0x0101004E91143F2B2AAA43B4ED5D06D8E163F6</vt:lpwstr>
  </property>
  <property fmtid="{D5CDD505-2E9C-101B-9397-08002B2CF9AE}" pid="15" name="RevIMBCS">
    <vt:lpwstr>1;#Unclassified|3955eeb1-2d18-4582-aeb2-00144ec3aaf5</vt:lpwstr>
  </property>
  <property fmtid="{D5CDD505-2E9C-101B-9397-08002B2CF9AE}" pid="16" name="MediaServiceImageTags">
    <vt:lpwstr/>
  </property>
</Properties>
</file>